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32"/>
  </p:notesMasterIdLst>
  <p:handoutMasterIdLst>
    <p:handoutMasterId r:id="rId33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79" r:id="rId23"/>
    <p:sldId id="280" r:id="rId24"/>
    <p:sldId id="281" r:id="rId25"/>
    <p:sldId id="282" r:id="rId26"/>
    <p:sldId id="283" r:id="rId27"/>
    <p:sldId id="285" r:id="rId28"/>
    <p:sldId id="284" r:id="rId29"/>
    <p:sldId id="286" r:id="rId30"/>
    <p:sldId id="287" r:id="rId31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>
      <p:cViewPr varScale="1">
        <p:scale>
          <a:sx n="116" d="100"/>
          <a:sy n="116" d="100"/>
        </p:scale>
        <p:origin x="390" y="108"/>
      </p:cViewPr>
      <p:guideLst>
        <p:guide orient="horz" pos="2160"/>
        <p:guide pos="3839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21" Type="http://schemas.openxmlformats.org/officeDocument/2006/relationships/slide" Target="slides/slide17.xml"/><Relationship Id="rId34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viewProps" Target="viewProp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 smtClean="0"/>
            <a:t>Jason Zander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 smtClean="0"/>
            <a:t>Lawrie Gaffney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 smtClean="0"/>
            <a:t>Patrick lliott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i="1" dirty="0" smtClean="0"/>
            <a:t>VP Finance</a:t>
          </a:r>
          <a:endParaRPr lang="en-US" i="1" dirty="0"/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 smtClean="0"/>
            <a:t>Lola Jacobsen</a:t>
          </a:r>
          <a:br>
            <a:rPr lang="en-US" b="1" dirty="0" smtClean="0"/>
          </a:br>
          <a:r>
            <a:rPr lang="en-US" i="1" dirty="0" smtClean="0"/>
            <a:t>VP Accounting</a:t>
          </a:r>
          <a:endParaRPr lang="en-US" i="1" dirty="0"/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 smtClean="0"/>
            <a:t>Olivier Renaud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 smtClean="0"/>
            <a:t>Spencer Lowe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 smtClean="0"/>
            <a:t>Mike </a:t>
          </a:r>
          <a:r>
            <a:rPr lang="en-US" b="1" dirty="0" err="1" smtClean="0"/>
            <a:t>Danselio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 smtClean="0"/>
            <a:t>Prashanth</a:t>
          </a:r>
          <a:r>
            <a:rPr lang="en-US" b="1" dirty="0" smtClean="0"/>
            <a:t> Desai</a:t>
          </a:r>
          <a:br>
            <a:rPr lang="en-US" b="1" dirty="0" smtClean="0"/>
          </a:br>
          <a:r>
            <a:rPr lang="en-US" b="0" dirty="0" smtClean="0"/>
            <a:t>Regiona</a:t>
          </a:r>
          <a:r>
            <a:rPr lang="en-US" b="1" dirty="0" smtClean="0"/>
            <a:t>l</a:t>
          </a:r>
          <a:r>
            <a:rPr lang="en-US" i="1" dirty="0" smtClean="0"/>
            <a:t>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 smtClean="0"/>
            <a:t>Szabolcs</a:t>
          </a:r>
          <a:r>
            <a:rPr lang="en-US" b="1" dirty="0" smtClean="0"/>
            <a:t> </a:t>
          </a:r>
          <a:r>
            <a:rPr lang="en-US" b="1" dirty="0" err="1" smtClean="0"/>
            <a:t>Vajda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b="0" dirty="0" smtClean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 smtClean="0"/>
            <a:t>Jason </a:t>
          </a:r>
          <a:r>
            <a:rPr lang="en-US" b="1" dirty="0" err="1" smtClean="0"/>
            <a:t>Kozleski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Human Resources</a:t>
          </a:r>
          <a:endParaRPr lang="en-US" i="1" dirty="0"/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 smtClean="0"/>
            <a:t>Pat Coleman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Customer Svc</a:t>
          </a:r>
          <a:endParaRPr lang="en-US" i="1" dirty="0"/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 smtClean="0"/>
            <a:t>Gym Manager</a:t>
          </a:r>
          <a:endParaRPr lang="en-US" dirty="0"/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 smtClean="0"/>
            <a:t>Assistant Manager of Gym</a:t>
          </a:r>
          <a:endParaRPr lang="en-US" dirty="0"/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 smtClean="0"/>
            <a:t>HR representative</a:t>
          </a:r>
          <a:endParaRPr lang="en-US" b="1" dirty="0"/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CE8C80FB-60E7-4AF2-A5D4-70F61A3AF146}" type="pres">
      <dgm:prSet presAssocID="{6213EA93-67B3-4DEB-8CC6-93A0B2AF7CD7}" presName="hierRoot1" presStyleCnt="0"/>
      <dgm:spPr/>
      <dgm:t>
        <a:bodyPr/>
        <a:lstStyle/>
        <a:p>
          <a:endParaRPr lang="en-US"/>
        </a:p>
      </dgm:t>
    </dgm:pt>
    <dgm:pt modelId="{874EBE65-A3F8-4DDE-B261-0F583100BA2A}" type="pres">
      <dgm:prSet presAssocID="{6213EA93-67B3-4DEB-8CC6-93A0B2AF7CD7}" presName="composite" presStyleCnt="0"/>
      <dgm:spPr/>
      <dgm:t>
        <a:bodyPr/>
        <a:lstStyle/>
        <a:p>
          <a:endParaRPr lang="en-US"/>
        </a:p>
      </dgm:t>
    </dgm:pt>
    <dgm:pt modelId="{987E00FC-04B5-4421-A96F-CA460E2B19DF}" type="pres">
      <dgm:prSet presAssocID="{6213EA93-67B3-4DEB-8CC6-93A0B2AF7CD7}" presName="background" presStyleLbl="node0" presStyleIdx="0" presStyleCnt="1"/>
      <dgm:spPr/>
      <dgm:t>
        <a:bodyPr/>
        <a:lstStyle/>
        <a:p>
          <a:endParaRPr lang="en-US"/>
        </a:p>
      </dgm:t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C468468-BDA1-487F-88FB-B9ABBC5E6DDC}" type="pres">
      <dgm:prSet presAssocID="{6213EA93-67B3-4DEB-8CC6-93A0B2AF7CD7}" presName="hierChild2" presStyleCnt="0"/>
      <dgm:spPr/>
      <dgm:t>
        <a:bodyPr/>
        <a:lstStyle/>
        <a:p>
          <a:endParaRPr lang="en-US"/>
        </a:p>
      </dgm:t>
    </dgm:pt>
    <dgm:pt modelId="{47C6150A-D796-4FB1-9AC7-64B824B4A8AC}" type="pres">
      <dgm:prSet presAssocID="{15FC0DA2-D4A5-4ADB-8E29-59099AD0F12C}" presName="Name10" presStyleLbl="parChTrans1D2" presStyleIdx="0" presStyleCnt="3"/>
      <dgm:spPr/>
      <dgm:t>
        <a:bodyPr/>
        <a:lstStyle/>
        <a:p>
          <a:endParaRPr lang="en-US"/>
        </a:p>
      </dgm:t>
    </dgm:pt>
    <dgm:pt modelId="{56059F83-EEDF-4592-9895-E2B4617E7D80}" type="pres">
      <dgm:prSet presAssocID="{EAF97F65-8743-416C-95B4-C2A504120B0F}" presName="hierRoot2" presStyleCnt="0"/>
      <dgm:spPr/>
      <dgm:t>
        <a:bodyPr/>
        <a:lstStyle/>
        <a:p>
          <a:endParaRPr lang="en-US"/>
        </a:p>
      </dgm:t>
    </dgm:pt>
    <dgm:pt modelId="{F9E8864B-0266-4B71-AE20-FF928823FD57}" type="pres">
      <dgm:prSet presAssocID="{EAF97F65-8743-416C-95B4-C2A504120B0F}" presName="composite2" presStyleCnt="0"/>
      <dgm:spPr/>
      <dgm:t>
        <a:bodyPr/>
        <a:lstStyle/>
        <a:p>
          <a:endParaRPr lang="en-US"/>
        </a:p>
      </dgm:t>
    </dgm:pt>
    <dgm:pt modelId="{E5517394-D959-43B0-B5C5-7EB48695E2C4}" type="pres">
      <dgm:prSet presAssocID="{EAF97F65-8743-416C-95B4-C2A504120B0F}" presName="background2" presStyleLbl="node2" presStyleIdx="0" presStyleCnt="3"/>
      <dgm:spPr/>
      <dgm:t>
        <a:bodyPr/>
        <a:lstStyle/>
        <a:p>
          <a:endParaRPr lang="en-US"/>
        </a:p>
      </dgm:t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A6630A3-7E00-4906-A0BD-3ABF17FEC00E}" type="pres">
      <dgm:prSet presAssocID="{EAF97F65-8743-416C-95B4-C2A504120B0F}" presName="hierChild3" presStyleCnt="0"/>
      <dgm:spPr/>
      <dgm:t>
        <a:bodyPr/>
        <a:lstStyle/>
        <a:p>
          <a:endParaRPr lang="en-US"/>
        </a:p>
      </dgm:t>
    </dgm:pt>
    <dgm:pt modelId="{EB928631-2B17-47FC-8968-E2AAB4978614}" type="pres">
      <dgm:prSet presAssocID="{FC127E7E-FFD8-4856-B22A-FC2DE70AAD12}" presName="Name17" presStyleLbl="parChTrans1D3" presStyleIdx="0" presStyleCnt="7"/>
      <dgm:spPr/>
      <dgm:t>
        <a:bodyPr/>
        <a:lstStyle/>
        <a:p>
          <a:endParaRPr lang="en-US"/>
        </a:p>
      </dgm:t>
    </dgm:pt>
    <dgm:pt modelId="{CD9CA8EB-33F0-44AB-AF20-115C2759A819}" type="pres">
      <dgm:prSet presAssocID="{146B5BCA-F4A0-4A38-B33B-EC8BFA2CE5CF}" presName="hierRoot3" presStyleCnt="0"/>
      <dgm:spPr/>
      <dgm:t>
        <a:bodyPr/>
        <a:lstStyle/>
        <a:p>
          <a:endParaRPr lang="en-US"/>
        </a:p>
      </dgm:t>
    </dgm:pt>
    <dgm:pt modelId="{38B9188F-55FB-43FB-9195-EE06A17987AE}" type="pres">
      <dgm:prSet presAssocID="{146B5BCA-F4A0-4A38-B33B-EC8BFA2CE5CF}" presName="composite3" presStyleCnt="0"/>
      <dgm:spPr/>
      <dgm:t>
        <a:bodyPr/>
        <a:lstStyle/>
        <a:p>
          <a:endParaRPr lang="en-US"/>
        </a:p>
      </dgm:t>
    </dgm:pt>
    <dgm:pt modelId="{3D56BD52-D03A-4047-AD41-D4D4A6EFB434}" type="pres">
      <dgm:prSet presAssocID="{146B5BCA-F4A0-4A38-B33B-EC8BFA2CE5CF}" presName="background3" presStyleLbl="node3" presStyleIdx="0" presStyleCnt="7"/>
      <dgm:spPr/>
      <dgm:t>
        <a:bodyPr/>
        <a:lstStyle/>
        <a:p>
          <a:endParaRPr lang="en-US"/>
        </a:p>
      </dgm:t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723E493-FC94-4BA6-9B42-EE921A71E7B6}" type="pres">
      <dgm:prSet presAssocID="{146B5BCA-F4A0-4A38-B33B-EC8BFA2CE5CF}" presName="hierChild4" presStyleCnt="0"/>
      <dgm:spPr/>
      <dgm:t>
        <a:bodyPr/>
        <a:lstStyle/>
        <a:p>
          <a:endParaRPr lang="en-US"/>
        </a:p>
      </dgm:t>
    </dgm:pt>
    <dgm:pt modelId="{6B5FEBAB-8837-4482-8475-02454E646497}" type="pres">
      <dgm:prSet presAssocID="{EAAC9F3D-08AD-45A0-9A5F-D7390FFDB894}" presName="Name17" presStyleLbl="parChTrans1D3" presStyleIdx="1" presStyleCnt="7"/>
      <dgm:spPr/>
      <dgm:t>
        <a:bodyPr/>
        <a:lstStyle/>
        <a:p>
          <a:endParaRPr lang="en-US"/>
        </a:p>
      </dgm:t>
    </dgm:pt>
    <dgm:pt modelId="{6FD540EF-744F-48DA-A8EC-7F073B1CADF4}" type="pres">
      <dgm:prSet presAssocID="{164FCC03-4F21-4358-A0AA-BBEEBC094581}" presName="hierRoot3" presStyleCnt="0"/>
      <dgm:spPr/>
      <dgm:t>
        <a:bodyPr/>
        <a:lstStyle/>
        <a:p>
          <a:endParaRPr lang="en-US"/>
        </a:p>
      </dgm:t>
    </dgm:pt>
    <dgm:pt modelId="{6DDA07EF-6815-4476-90D5-8200789CEEB9}" type="pres">
      <dgm:prSet presAssocID="{164FCC03-4F21-4358-A0AA-BBEEBC094581}" presName="composite3" presStyleCnt="0"/>
      <dgm:spPr/>
      <dgm:t>
        <a:bodyPr/>
        <a:lstStyle/>
        <a:p>
          <a:endParaRPr lang="en-US"/>
        </a:p>
      </dgm:t>
    </dgm:pt>
    <dgm:pt modelId="{DCB1E33D-13EC-4E25-974B-BEC1BFAB8C57}" type="pres">
      <dgm:prSet presAssocID="{164FCC03-4F21-4358-A0AA-BBEEBC094581}" presName="background3" presStyleLbl="node3" presStyleIdx="1" presStyleCnt="7"/>
      <dgm:spPr/>
      <dgm:t>
        <a:bodyPr/>
        <a:lstStyle/>
        <a:p>
          <a:endParaRPr lang="en-US"/>
        </a:p>
      </dgm:t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C3E7A23-657A-4D4E-8E8E-5F6F07AAE592}" type="pres">
      <dgm:prSet presAssocID="{164FCC03-4F21-4358-A0AA-BBEEBC094581}" presName="hierChild4" presStyleCnt="0"/>
      <dgm:spPr/>
      <dgm:t>
        <a:bodyPr/>
        <a:lstStyle/>
        <a:p>
          <a:endParaRPr lang="en-US"/>
        </a:p>
      </dgm:t>
    </dgm:pt>
    <dgm:pt modelId="{A5505B47-1C8A-4C07-AF2D-C665D2BAA430}" type="pres">
      <dgm:prSet presAssocID="{E426D81F-885D-4A50-9105-225BE949C588}" presName="Name23" presStyleLbl="parChTrans1D4" presStyleIdx="0" presStyleCnt="3"/>
      <dgm:spPr/>
      <dgm:t>
        <a:bodyPr/>
        <a:lstStyle/>
        <a:p>
          <a:endParaRPr lang="en-US"/>
        </a:p>
      </dgm:t>
    </dgm:pt>
    <dgm:pt modelId="{AFC5C2A6-033C-4BF7-9AD2-9E7BBCBB5102}" type="pres">
      <dgm:prSet presAssocID="{120DF69A-7722-4323-AC9F-CF716549C0C8}" presName="hierRoot4" presStyleCnt="0"/>
      <dgm:spPr/>
      <dgm:t>
        <a:bodyPr/>
        <a:lstStyle/>
        <a:p>
          <a:endParaRPr lang="en-US"/>
        </a:p>
      </dgm:t>
    </dgm:pt>
    <dgm:pt modelId="{9EC784B7-8165-4625-AABB-0F004035F8D4}" type="pres">
      <dgm:prSet presAssocID="{120DF69A-7722-4323-AC9F-CF716549C0C8}" presName="composite4" presStyleCnt="0"/>
      <dgm:spPr/>
      <dgm:t>
        <a:bodyPr/>
        <a:lstStyle/>
        <a:p>
          <a:endParaRPr lang="en-US"/>
        </a:p>
      </dgm:t>
    </dgm:pt>
    <dgm:pt modelId="{3EAB1CE4-68D7-4335-A270-8E3EB71A5790}" type="pres">
      <dgm:prSet presAssocID="{120DF69A-7722-4323-AC9F-CF716549C0C8}" presName="background4" presStyleLbl="node4" presStyleIdx="0" presStyleCnt="3"/>
      <dgm:spPr/>
      <dgm:t>
        <a:bodyPr/>
        <a:lstStyle/>
        <a:p>
          <a:endParaRPr lang="en-US"/>
        </a:p>
      </dgm:t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BBE044D-8067-4A5E-8B4F-6293FDF70F4A}" type="pres">
      <dgm:prSet presAssocID="{120DF69A-7722-4323-AC9F-CF716549C0C8}" presName="hierChild5" presStyleCnt="0"/>
      <dgm:spPr/>
      <dgm:t>
        <a:bodyPr/>
        <a:lstStyle/>
        <a:p>
          <a:endParaRPr lang="en-US"/>
        </a:p>
      </dgm:t>
    </dgm:pt>
    <dgm:pt modelId="{64D0538D-E072-4653-B991-7AC462ECA95E}" type="pres">
      <dgm:prSet presAssocID="{94307531-09D1-438D-8640-7E264C6EFC6E}" presName="Name23" presStyleLbl="parChTrans1D4" presStyleIdx="1" presStyleCnt="3"/>
      <dgm:spPr/>
      <dgm:t>
        <a:bodyPr/>
        <a:lstStyle/>
        <a:p>
          <a:endParaRPr lang="en-US"/>
        </a:p>
      </dgm:t>
    </dgm:pt>
    <dgm:pt modelId="{5B466F0E-7934-4073-8247-B7BC1FB60C1C}" type="pres">
      <dgm:prSet presAssocID="{A6415F64-6F7B-472D-8B37-6FF4CE623A27}" presName="hierRoot4" presStyleCnt="0"/>
      <dgm:spPr/>
      <dgm:t>
        <a:bodyPr/>
        <a:lstStyle/>
        <a:p>
          <a:endParaRPr lang="en-US"/>
        </a:p>
      </dgm:t>
    </dgm:pt>
    <dgm:pt modelId="{BFE84D15-95E1-46FA-A22C-5830295A92C2}" type="pres">
      <dgm:prSet presAssocID="{A6415F64-6F7B-472D-8B37-6FF4CE623A27}" presName="composite4" presStyleCnt="0"/>
      <dgm:spPr/>
      <dgm:t>
        <a:bodyPr/>
        <a:lstStyle/>
        <a:p>
          <a:endParaRPr lang="en-US"/>
        </a:p>
      </dgm:t>
    </dgm:pt>
    <dgm:pt modelId="{8629E89B-2488-4E84-8D53-9ABAE0E950DB}" type="pres">
      <dgm:prSet presAssocID="{A6415F64-6F7B-472D-8B37-6FF4CE623A27}" presName="background4" presStyleLbl="node4" presStyleIdx="1" presStyleCnt="3"/>
      <dgm:spPr/>
      <dgm:t>
        <a:bodyPr/>
        <a:lstStyle/>
        <a:p>
          <a:endParaRPr lang="en-US"/>
        </a:p>
      </dgm:t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3272FD52-00DE-4F04-91C8-9E071C01C60D}" type="pres">
      <dgm:prSet presAssocID="{A6415F64-6F7B-472D-8B37-6FF4CE623A27}" presName="hierChild5" presStyleCnt="0"/>
      <dgm:spPr/>
      <dgm:t>
        <a:bodyPr/>
        <a:lstStyle/>
        <a:p>
          <a:endParaRPr lang="en-US"/>
        </a:p>
      </dgm:t>
    </dgm:pt>
    <dgm:pt modelId="{B7EAC32E-5B12-4CF8-A403-4ABB602D7616}" type="pres">
      <dgm:prSet presAssocID="{8063EE34-467A-4F04-B562-3BB8FA14321A}" presName="Name23" presStyleLbl="parChTrans1D4" presStyleIdx="2" presStyleCnt="3"/>
      <dgm:spPr/>
      <dgm:t>
        <a:bodyPr/>
        <a:lstStyle/>
        <a:p>
          <a:endParaRPr lang="en-US"/>
        </a:p>
      </dgm:t>
    </dgm:pt>
    <dgm:pt modelId="{A2061678-C485-4AEC-A219-8485117BDA55}" type="pres">
      <dgm:prSet presAssocID="{8B3ED816-E32F-4E2D-936D-C2B06EBDAD38}" presName="hierRoot4" presStyleCnt="0"/>
      <dgm:spPr/>
      <dgm:t>
        <a:bodyPr/>
        <a:lstStyle/>
        <a:p>
          <a:endParaRPr lang="en-US"/>
        </a:p>
      </dgm:t>
    </dgm:pt>
    <dgm:pt modelId="{884039EC-1E5A-4B20-BEBE-45BFB018FD63}" type="pres">
      <dgm:prSet presAssocID="{8B3ED816-E32F-4E2D-936D-C2B06EBDAD38}" presName="composite4" presStyleCnt="0"/>
      <dgm:spPr/>
      <dgm:t>
        <a:bodyPr/>
        <a:lstStyle/>
        <a:p>
          <a:endParaRPr lang="en-US"/>
        </a:p>
      </dgm:t>
    </dgm:pt>
    <dgm:pt modelId="{1527F68E-B504-4B54-9F83-94EE448F2A71}" type="pres">
      <dgm:prSet presAssocID="{8B3ED816-E32F-4E2D-936D-C2B06EBDAD38}" presName="background4" presStyleLbl="node4" presStyleIdx="2" presStyleCnt="3"/>
      <dgm:spPr/>
      <dgm:t>
        <a:bodyPr/>
        <a:lstStyle/>
        <a:p>
          <a:endParaRPr lang="en-US"/>
        </a:p>
      </dgm:t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FCC79C8-D43C-4512-AE9A-59D24C7A459B}" type="pres">
      <dgm:prSet presAssocID="{8B3ED816-E32F-4E2D-936D-C2B06EBDAD38}" presName="hierChild5" presStyleCnt="0"/>
      <dgm:spPr/>
      <dgm:t>
        <a:bodyPr/>
        <a:lstStyle/>
        <a:p>
          <a:endParaRPr lang="en-US"/>
        </a:p>
      </dgm:t>
    </dgm:pt>
    <dgm:pt modelId="{E14DB863-679E-4258-8402-2159575E641E}" type="pres">
      <dgm:prSet presAssocID="{66E68178-24ED-41B5-B93B-EC8F7F4577B4}" presName="Name17" presStyleLbl="parChTrans1D3" presStyleIdx="2" presStyleCnt="7"/>
      <dgm:spPr/>
      <dgm:t>
        <a:bodyPr/>
        <a:lstStyle/>
        <a:p>
          <a:endParaRPr lang="en-US"/>
        </a:p>
      </dgm:t>
    </dgm:pt>
    <dgm:pt modelId="{0812ACE5-CEE1-429F-995D-B9B65DA89E9F}" type="pres">
      <dgm:prSet presAssocID="{FB790FAE-9081-4482-965F-A132F8C0089D}" presName="hierRoot3" presStyleCnt="0"/>
      <dgm:spPr/>
      <dgm:t>
        <a:bodyPr/>
        <a:lstStyle/>
        <a:p>
          <a:endParaRPr lang="en-US"/>
        </a:p>
      </dgm:t>
    </dgm:pt>
    <dgm:pt modelId="{EB5D5F16-AFFD-46F2-A842-4FADEDF83D99}" type="pres">
      <dgm:prSet presAssocID="{FB790FAE-9081-4482-965F-A132F8C0089D}" presName="composite3" presStyleCnt="0"/>
      <dgm:spPr/>
      <dgm:t>
        <a:bodyPr/>
        <a:lstStyle/>
        <a:p>
          <a:endParaRPr lang="en-US"/>
        </a:p>
      </dgm:t>
    </dgm:pt>
    <dgm:pt modelId="{0D430ACC-0A24-4E88-8E41-B626B052AB56}" type="pres">
      <dgm:prSet presAssocID="{FB790FAE-9081-4482-965F-A132F8C0089D}" presName="background3" presStyleLbl="node3" presStyleIdx="2" presStyleCnt="7"/>
      <dgm:spPr/>
      <dgm:t>
        <a:bodyPr/>
        <a:lstStyle/>
        <a:p>
          <a:endParaRPr lang="en-US"/>
        </a:p>
      </dgm:t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2ED22C2-0A5E-4540-BB2B-C347CFFB4BD0}" type="pres">
      <dgm:prSet presAssocID="{FB790FAE-9081-4482-965F-A132F8C0089D}" presName="hierChild4" presStyleCnt="0"/>
      <dgm:spPr/>
      <dgm:t>
        <a:bodyPr/>
        <a:lstStyle/>
        <a:p>
          <a:endParaRPr lang="en-US"/>
        </a:p>
      </dgm:t>
    </dgm:pt>
    <dgm:pt modelId="{13E913A0-B01D-43F1-B1A3-E3D474304F95}" type="pres">
      <dgm:prSet presAssocID="{D95CB556-0982-4642-9108-EFDA847395CF}" presName="Name10" presStyleLbl="parChTrans1D2" presStyleIdx="1" presStyleCnt="3"/>
      <dgm:spPr/>
      <dgm:t>
        <a:bodyPr/>
        <a:lstStyle/>
        <a:p>
          <a:endParaRPr lang="en-US"/>
        </a:p>
      </dgm:t>
    </dgm:pt>
    <dgm:pt modelId="{339373E9-6044-4E5C-B394-68699903D761}" type="pres">
      <dgm:prSet presAssocID="{34EF69ED-7733-43E5-9F02-75216E62B39D}" presName="hierRoot2" presStyleCnt="0"/>
      <dgm:spPr/>
      <dgm:t>
        <a:bodyPr/>
        <a:lstStyle/>
        <a:p>
          <a:endParaRPr lang="en-US"/>
        </a:p>
      </dgm:t>
    </dgm:pt>
    <dgm:pt modelId="{E66E8E9E-A9EE-4EBF-AF12-4E81C04674B7}" type="pres">
      <dgm:prSet presAssocID="{34EF69ED-7733-43E5-9F02-75216E62B39D}" presName="composite2" presStyleCnt="0"/>
      <dgm:spPr/>
      <dgm:t>
        <a:bodyPr/>
        <a:lstStyle/>
        <a:p>
          <a:endParaRPr lang="en-US"/>
        </a:p>
      </dgm:t>
    </dgm:pt>
    <dgm:pt modelId="{814D968B-BB58-4009-A740-66AD03AAD2CC}" type="pres">
      <dgm:prSet presAssocID="{34EF69ED-7733-43E5-9F02-75216E62B39D}" presName="background2" presStyleLbl="node2" presStyleIdx="1" presStyleCnt="3"/>
      <dgm:spPr/>
      <dgm:t>
        <a:bodyPr/>
        <a:lstStyle/>
        <a:p>
          <a:endParaRPr lang="en-US"/>
        </a:p>
      </dgm:t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39EFEE-422D-4ABA-B7F3-81DFB819FD0D}" type="pres">
      <dgm:prSet presAssocID="{34EF69ED-7733-43E5-9F02-75216E62B39D}" presName="hierChild3" presStyleCnt="0"/>
      <dgm:spPr/>
      <dgm:t>
        <a:bodyPr/>
        <a:lstStyle/>
        <a:p>
          <a:endParaRPr lang="en-US"/>
        </a:p>
      </dgm:t>
    </dgm:pt>
    <dgm:pt modelId="{BFC7338C-D613-42CE-A3C8-1E1BCE0FEA62}" type="pres">
      <dgm:prSet presAssocID="{64522A3B-06D5-445A-B29E-95A5AD0616E8}" presName="Name17" presStyleLbl="parChTrans1D3" presStyleIdx="3" presStyleCnt="7"/>
      <dgm:spPr/>
      <dgm:t>
        <a:bodyPr/>
        <a:lstStyle/>
        <a:p>
          <a:endParaRPr lang="en-US"/>
        </a:p>
      </dgm:t>
    </dgm:pt>
    <dgm:pt modelId="{C7C97D94-D7A0-4A40-85BC-A8BB7FC74897}" type="pres">
      <dgm:prSet presAssocID="{CEC77832-0685-4061-85A9-2B7E04FC9927}" presName="hierRoot3" presStyleCnt="0"/>
      <dgm:spPr/>
      <dgm:t>
        <a:bodyPr/>
        <a:lstStyle/>
        <a:p>
          <a:endParaRPr lang="en-US"/>
        </a:p>
      </dgm:t>
    </dgm:pt>
    <dgm:pt modelId="{2031A2F7-2F71-4B37-86FE-0EE755FCFE64}" type="pres">
      <dgm:prSet presAssocID="{CEC77832-0685-4061-85A9-2B7E04FC9927}" presName="composite3" presStyleCnt="0"/>
      <dgm:spPr/>
      <dgm:t>
        <a:bodyPr/>
        <a:lstStyle/>
        <a:p>
          <a:endParaRPr lang="en-US"/>
        </a:p>
      </dgm:t>
    </dgm:pt>
    <dgm:pt modelId="{BB1DA2C6-9035-47F3-AABE-8B758B6D19F0}" type="pres">
      <dgm:prSet presAssocID="{CEC77832-0685-4061-85A9-2B7E04FC9927}" presName="background3" presStyleLbl="node3" presStyleIdx="3" presStyleCnt="7"/>
      <dgm:spPr/>
      <dgm:t>
        <a:bodyPr/>
        <a:lstStyle/>
        <a:p>
          <a:endParaRPr lang="en-US"/>
        </a:p>
      </dgm:t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FBA9DA4-F179-4E1B-A77C-ED9B91C4EB81}" type="pres">
      <dgm:prSet presAssocID="{CEC77832-0685-4061-85A9-2B7E04FC9927}" presName="hierChild4" presStyleCnt="0"/>
      <dgm:spPr/>
      <dgm:t>
        <a:bodyPr/>
        <a:lstStyle/>
        <a:p>
          <a:endParaRPr lang="en-US"/>
        </a:p>
      </dgm:t>
    </dgm:pt>
    <dgm:pt modelId="{E71D3D05-A41D-4581-93F6-4963BA212C02}" type="pres">
      <dgm:prSet presAssocID="{03C60D3E-A69D-489E-AC23-D2EF12F2CE12}" presName="Name17" presStyleLbl="parChTrans1D3" presStyleIdx="4" presStyleCnt="7"/>
      <dgm:spPr/>
      <dgm:t>
        <a:bodyPr/>
        <a:lstStyle/>
        <a:p>
          <a:endParaRPr lang="en-US"/>
        </a:p>
      </dgm:t>
    </dgm:pt>
    <dgm:pt modelId="{27E3339F-5AE3-4DCA-BA54-7237F92CC764}" type="pres">
      <dgm:prSet presAssocID="{9497D2F0-AED9-4CC8-831F-177A445E6114}" presName="hierRoot3" presStyleCnt="0"/>
      <dgm:spPr/>
      <dgm:t>
        <a:bodyPr/>
        <a:lstStyle/>
        <a:p>
          <a:endParaRPr lang="en-US"/>
        </a:p>
      </dgm:t>
    </dgm:pt>
    <dgm:pt modelId="{9F52A907-06F2-4EF8-979C-72A42B5EAD99}" type="pres">
      <dgm:prSet presAssocID="{9497D2F0-AED9-4CC8-831F-177A445E6114}" presName="composite3" presStyleCnt="0"/>
      <dgm:spPr/>
      <dgm:t>
        <a:bodyPr/>
        <a:lstStyle/>
        <a:p>
          <a:endParaRPr lang="en-US"/>
        </a:p>
      </dgm:t>
    </dgm:pt>
    <dgm:pt modelId="{C410A2C1-12AA-4197-9D2B-0529261F107A}" type="pres">
      <dgm:prSet presAssocID="{9497D2F0-AED9-4CC8-831F-177A445E6114}" presName="background3" presStyleLbl="node3" presStyleIdx="4" presStyleCnt="7"/>
      <dgm:spPr/>
      <dgm:t>
        <a:bodyPr/>
        <a:lstStyle/>
        <a:p>
          <a:endParaRPr lang="en-US"/>
        </a:p>
      </dgm:t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5150FE9-C062-4E32-8FE0-AEF65E8E8DB1}" type="pres">
      <dgm:prSet presAssocID="{9497D2F0-AED9-4CC8-831F-177A445E6114}" presName="hierChild4" presStyleCnt="0"/>
      <dgm:spPr/>
      <dgm:t>
        <a:bodyPr/>
        <a:lstStyle/>
        <a:p>
          <a:endParaRPr lang="en-US"/>
        </a:p>
      </dgm:t>
    </dgm:pt>
    <dgm:pt modelId="{63C1F878-72D2-4A3E-8C52-F4A9B1783C33}" type="pres">
      <dgm:prSet presAssocID="{F35C7394-B5A1-4DA6-8CB6-266F244050FF}" presName="Name10" presStyleLbl="parChTrans1D2" presStyleIdx="2" presStyleCnt="3"/>
      <dgm:spPr/>
      <dgm:t>
        <a:bodyPr/>
        <a:lstStyle/>
        <a:p>
          <a:endParaRPr lang="en-US"/>
        </a:p>
      </dgm:t>
    </dgm:pt>
    <dgm:pt modelId="{1E81980F-514B-4025-9970-41BB1CADB2F6}" type="pres">
      <dgm:prSet presAssocID="{CFFFFC5D-AF08-4DBC-BBC6-D030BF6032CA}" presName="hierRoot2" presStyleCnt="0"/>
      <dgm:spPr/>
      <dgm:t>
        <a:bodyPr/>
        <a:lstStyle/>
        <a:p>
          <a:endParaRPr lang="en-US"/>
        </a:p>
      </dgm:t>
    </dgm:pt>
    <dgm:pt modelId="{761BEE10-E504-4CCC-A679-C64E921601B3}" type="pres">
      <dgm:prSet presAssocID="{CFFFFC5D-AF08-4DBC-BBC6-D030BF6032CA}" presName="composite2" presStyleCnt="0"/>
      <dgm:spPr/>
      <dgm:t>
        <a:bodyPr/>
        <a:lstStyle/>
        <a:p>
          <a:endParaRPr lang="en-US"/>
        </a:p>
      </dgm:t>
    </dgm:pt>
    <dgm:pt modelId="{53DA5E8F-87F9-40FC-9678-EFD0486B275A}" type="pres">
      <dgm:prSet presAssocID="{CFFFFC5D-AF08-4DBC-BBC6-D030BF6032CA}" presName="background2" presStyleLbl="node2" presStyleIdx="2" presStyleCnt="3"/>
      <dgm:spPr/>
      <dgm:t>
        <a:bodyPr/>
        <a:lstStyle/>
        <a:p>
          <a:endParaRPr lang="en-US"/>
        </a:p>
      </dgm:t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505FF4D1-3B4E-4A8D-9FE0-D5F0BC0CBAFB}" type="pres">
      <dgm:prSet presAssocID="{CFFFFC5D-AF08-4DBC-BBC6-D030BF6032CA}" presName="hierChild3" presStyleCnt="0"/>
      <dgm:spPr/>
      <dgm:t>
        <a:bodyPr/>
        <a:lstStyle/>
        <a:p>
          <a:endParaRPr lang="en-US"/>
        </a:p>
      </dgm:t>
    </dgm:pt>
    <dgm:pt modelId="{119D0B73-716F-4D2A-AEE4-D492EC9766E1}" type="pres">
      <dgm:prSet presAssocID="{2C145E38-359D-4C52-A551-E5243663F61C}" presName="Name17" presStyleLbl="parChTrans1D3" presStyleIdx="5" presStyleCnt="7"/>
      <dgm:spPr/>
      <dgm:t>
        <a:bodyPr/>
        <a:lstStyle/>
        <a:p>
          <a:endParaRPr lang="en-US"/>
        </a:p>
      </dgm:t>
    </dgm:pt>
    <dgm:pt modelId="{46BC6F15-F313-40BB-BD7E-43CBB73FF9F8}" type="pres">
      <dgm:prSet presAssocID="{8A4215E9-DF47-499E-B09C-2F9AEDDEEAE9}" presName="hierRoot3" presStyleCnt="0"/>
      <dgm:spPr/>
      <dgm:t>
        <a:bodyPr/>
        <a:lstStyle/>
        <a:p>
          <a:endParaRPr lang="en-US"/>
        </a:p>
      </dgm:t>
    </dgm:pt>
    <dgm:pt modelId="{0CDCB363-A525-437F-8B66-557BC139DCF2}" type="pres">
      <dgm:prSet presAssocID="{8A4215E9-DF47-499E-B09C-2F9AEDDEEAE9}" presName="composite3" presStyleCnt="0"/>
      <dgm:spPr/>
      <dgm:t>
        <a:bodyPr/>
        <a:lstStyle/>
        <a:p>
          <a:endParaRPr lang="en-US"/>
        </a:p>
      </dgm:t>
    </dgm:pt>
    <dgm:pt modelId="{C1D5E974-C272-426D-9C3B-33FC0063D5F1}" type="pres">
      <dgm:prSet presAssocID="{8A4215E9-DF47-499E-B09C-2F9AEDDEEAE9}" presName="background3" presStyleLbl="node3" presStyleIdx="5" presStyleCnt="7"/>
      <dgm:spPr/>
      <dgm:t>
        <a:bodyPr/>
        <a:lstStyle/>
        <a:p>
          <a:endParaRPr lang="en-US"/>
        </a:p>
      </dgm:t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87BC4B-7992-4E45-80F6-5450369E5C47}" type="pres">
      <dgm:prSet presAssocID="{8A4215E9-DF47-499E-B09C-2F9AEDDEEAE9}" presName="hierChild4" presStyleCnt="0"/>
      <dgm:spPr/>
      <dgm:t>
        <a:bodyPr/>
        <a:lstStyle/>
        <a:p>
          <a:endParaRPr lang="en-US"/>
        </a:p>
      </dgm:t>
    </dgm:pt>
    <dgm:pt modelId="{86886F70-53AC-4A1D-B166-B252409AE4D6}" type="pres">
      <dgm:prSet presAssocID="{CE4DF660-7BD9-4C61-8058-864A150E86EF}" presName="Name17" presStyleLbl="parChTrans1D3" presStyleIdx="6" presStyleCnt="7"/>
      <dgm:spPr/>
      <dgm:t>
        <a:bodyPr/>
        <a:lstStyle/>
        <a:p>
          <a:endParaRPr lang="en-US"/>
        </a:p>
      </dgm:t>
    </dgm:pt>
    <dgm:pt modelId="{655DDC92-92EE-41CD-B10F-5D5A0D584C78}" type="pres">
      <dgm:prSet presAssocID="{1539CEEE-F833-450D-91EB-04F96A2AEAA2}" presName="hierRoot3" presStyleCnt="0"/>
      <dgm:spPr/>
      <dgm:t>
        <a:bodyPr/>
        <a:lstStyle/>
        <a:p>
          <a:endParaRPr lang="en-US"/>
        </a:p>
      </dgm:t>
    </dgm:pt>
    <dgm:pt modelId="{77CC0852-CC1D-4E4D-8572-4C03ABBFFC1B}" type="pres">
      <dgm:prSet presAssocID="{1539CEEE-F833-450D-91EB-04F96A2AEAA2}" presName="composite3" presStyleCnt="0"/>
      <dgm:spPr/>
      <dgm:t>
        <a:bodyPr/>
        <a:lstStyle/>
        <a:p>
          <a:endParaRPr lang="en-US"/>
        </a:p>
      </dgm:t>
    </dgm:pt>
    <dgm:pt modelId="{50D474EC-98DC-4737-BC55-92D95CD2A76F}" type="pres">
      <dgm:prSet presAssocID="{1539CEEE-F833-450D-91EB-04F96A2AEAA2}" presName="background3" presStyleLbl="node3" presStyleIdx="6" presStyleCnt="7"/>
      <dgm:spPr/>
      <dgm:t>
        <a:bodyPr/>
        <a:lstStyle/>
        <a:p>
          <a:endParaRPr lang="en-US"/>
        </a:p>
      </dgm:t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79EEF34-32FF-44F2-B9DF-858C6F9E4A7F}" type="pres">
      <dgm:prSet presAssocID="{1539CEEE-F833-450D-91EB-04F96A2AEAA2}" presName="hierChild4" presStyleCnt="0"/>
      <dgm:spPr/>
      <dgm:t>
        <a:bodyPr/>
        <a:lstStyle/>
        <a:p>
          <a:endParaRPr lang="en-US"/>
        </a:p>
      </dgm:t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 smtClean="0"/>
            <a:t>East Coast</a:t>
          </a:r>
          <a:endParaRPr lang="en-US" dirty="0"/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 smtClean="0"/>
            <a:t>Philadelphia, PA</a:t>
          </a:r>
        </a:p>
        <a:p>
          <a:r>
            <a:rPr lang="en-US" b="1" dirty="0" smtClean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 smtClean="0"/>
            <a:t>Midwest</a:t>
          </a:r>
          <a:endParaRPr lang="en-US" dirty="0"/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 smtClean="0"/>
            <a:t>Cincinnati, OH</a:t>
          </a:r>
        </a:p>
        <a:p>
          <a:r>
            <a:rPr lang="en-US" b="1" dirty="0" smtClean="0"/>
            <a:t>Detroit, MI</a:t>
          </a:r>
        </a:p>
        <a:p>
          <a:r>
            <a:rPr lang="en-US" b="1" dirty="0" smtClean="0"/>
            <a:t>Columbus, OH</a:t>
          </a:r>
        </a:p>
        <a:p>
          <a:r>
            <a:rPr lang="en-US" b="1" dirty="0" smtClean="0"/>
            <a:t>Milwaukee, WI</a:t>
          </a:r>
          <a:br>
            <a:rPr lang="en-US" b="1" dirty="0" smtClean="0"/>
          </a:br>
          <a:r>
            <a:rPr lang="en-US" b="1" dirty="0" smtClean="0"/>
            <a:t>Chicago, IL</a:t>
          </a:r>
        </a:p>
        <a:p>
          <a:r>
            <a:rPr lang="en-US" b="1" dirty="0" smtClean="0"/>
            <a:t>Dallas, TX</a:t>
          </a:r>
        </a:p>
        <a:p>
          <a:r>
            <a:rPr lang="en-US" b="1" dirty="0" smtClean="0"/>
            <a:t>Houston, TX</a:t>
          </a:r>
        </a:p>
        <a:p>
          <a:r>
            <a:rPr lang="en-US" b="1" dirty="0" smtClean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 smtClean="0"/>
            <a:t>West</a:t>
          </a:r>
          <a:endParaRPr lang="en-US" dirty="0"/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 smtClean="0"/>
            <a:t>Albuquerque, NM</a:t>
          </a:r>
        </a:p>
        <a:p>
          <a:r>
            <a:rPr lang="en-US" b="1" dirty="0" smtClean="0"/>
            <a:t>Los Angeles, CA</a:t>
          </a:r>
        </a:p>
        <a:p>
          <a:r>
            <a:rPr lang="en-US" b="1" dirty="0" smtClean="0"/>
            <a:t>San Francisco, CA</a:t>
          </a:r>
        </a:p>
        <a:p>
          <a:r>
            <a:rPr lang="en-US" b="1" dirty="0" smtClean="0"/>
            <a:t>Denver, CO</a:t>
          </a:r>
        </a:p>
        <a:p>
          <a:r>
            <a:rPr lang="en-US" b="1" dirty="0" smtClean="0"/>
            <a:t>Las Vegas, NV</a:t>
          </a:r>
          <a:endParaRPr lang="en-US" b="1" dirty="0"/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C4273C-FD9D-44AA-BB54-5535F4B98003}" type="pres">
      <dgm:prSet presAssocID="{1BEE9D91-EB3E-490C-89F1-65B20C594E1E}" presName="compNode" presStyleCnt="0"/>
      <dgm:spPr/>
      <dgm:t>
        <a:bodyPr/>
        <a:lstStyle/>
        <a:p>
          <a:endParaRPr lang="en-US"/>
        </a:p>
      </dgm:t>
    </dgm:pt>
    <dgm:pt modelId="{3DFC4EBF-4C9E-4157-9DF4-BB5E784C47D7}" type="pres">
      <dgm:prSet presAssocID="{1BEE9D91-EB3E-490C-89F1-65B20C594E1E}" presName="aNode" presStyleLbl="bgShp" presStyleIdx="0" presStyleCnt="3"/>
      <dgm:spPr/>
      <dgm:t>
        <a:bodyPr/>
        <a:lstStyle/>
        <a:p>
          <a:endParaRPr lang="en-US"/>
        </a:p>
      </dgm:t>
    </dgm:pt>
    <dgm:pt modelId="{31572B4F-74FD-46F9-B6AB-92246BB2F3EB}" type="pres">
      <dgm:prSet presAssocID="{1BEE9D91-EB3E-490C-89F1-65B20C594E1E}" presName="textNode" presStyleLbl="bgShp" presStyleIdx="0" presStyleCnt="3"/>
      <dgm:spPr/>
      <dgm:t>
        <a:bodyPr/>
        <a:lstStyle/>
        <a:p>
          <a:endParaRPr lang="en-US"/>
        </a:p>
      </dgm:t>
    </dgm:pt>
    <dgm:pt modelId="{DF061257-9D07-4740-AE3E-A64207CAC282}" type="pres">
      <dgm:prSet presAssocID="{1BEE9D91-EB3E-490C-89F1-65B20C594E1E}" presName="compChildNode" presStyleCnt="0"/>
      <dgm:spPr/>
      <dgm:t>
        <a:bodyPr/>
        <a:lstStyle/>
        <a:p>
          <a:endParaRPr lang="en-US"/>
        </a:p>
      </dgm:t>
    </dgm:pt>
    <dgm:pt modelId="{2D80DC02-04B6-4ED2-8210-62653C7CDE84}" type="pres">
      <dgm:prSet presAssocID="{1BEE9D91-EB3E-490C-89F1-65B20C594E1E}" presName="theInnerList" presStyleCnt="0"/>
      <dgm:spPr/>
      <dgm:t>
        <a:bodyPr/>
        <a:lstStyle/>
        <a:p>
          <a:endParaRPr lang="en-US"/>
        </a:p>
      </dgm:t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B328EA7-3939-4E52-91CC-7E20AE103ADA}" type="pres">
      <dgm:prSet presAssocID="{1BEE9D91-EB3E-490C-89F1-65B20C594E1E}" presName="aSpace" presStyleCnt="0"/>
      <dgm:spPr/>
      <dgm:t>
        <a:bodyPr/>
        <a:lstStyle/>
        <a:p>
          <a:endParaRPr lang="en-US"/>
        </a:p>
      </dgm:t>
    </dgm:pt>
    <dgm:pt modelId="{AF679AB8-EDEF-4F62-8F55-67CCE876D4BC}" type="pres">
      <dgm:prSet presAssocID="{53E0566B-B4E9-4F58-84A8-ECC0E3BBFB62}" presName="compNode" presStyleCnt="0"/>
      <dgm:spPr/>
      <dgm:t>
        <a:bodyPr/>
        <a:lstStyle/>
        <a:p>
          <a:endParaRPr lang="en-US"/>
        </a:p>
      </dgm:t>
    </dgm:pt>
    <dgm:pt modelId="{87088F45-863D-4158-B60A-599EE4F1EF62}" type="pres">
      <dgm:prSet presAssocID="{53E0566B-B4E9-4F58-84A8-ECC0E3BBFB62}" presName="aNode" presStyleLbl="bgShp" presStyleIdx="1" presStyleCnt="3"/>
      <dgm:spPr/>
      <dgm:t>
        <a:bodyPr/>
        <a:lstStyle/>
        <a:p>
          <a:endParaRPr lang="en-US"/>
        </a:p>
      </dgm:t>
    </dgm:pt>
    <dgm:pt modelId="{5C059E5F-9ECF-4BF9-B882-2FEC1A2C35BC}" type="pres">
      <dgm:prSet presAssocID="{53E0566B-B4E9-4F58-84A8-ECC0E3BBFB62}" presName="textNode" presStyleLbl="bgShp" presStyleIdx="1" presStyleCnt="3"/>
      <dgm:spPr/>
      <dgm:t>
        <a:bodyPr/>
        <a:lstStyle/>
        <a:p>
          <a:endParaRPr lang="en-US"/>
        </a:p>
      </dgm:t>
    </dgm:pt>
    <dgm:pt modelId="{C095F9FB-36EC-49E7-A1B3-F854855F2FEE}" type="pres">
      <dgm:prSet presAssocID="{53E0566B-B4E9-4F58-84A8-ECC0E3BBFB62}" presName="compChildNode" presStyleCnt="0"/>
      <dgm:spPr/>
      <dgm:t>
        <a:bodyPr/>
        <a:lstStyle/>
        <a:p>
          <a:endParaRPr lang="en-US"/>
        </a:p>
      </dgm:t>
    </dgm:pt>
    <dgm:pt modelId="{B3126D69-8E44-49E4-9D30-507FEEDDC561}" type="pres">
      <dgm:prSet presAssocID="{53E0566B-B4E9-4F58-84A8-ECC0E3BBFB62}" presName="theInnerList" presStyleCnt="0"/>
      <dgm:spPr/>
      <dgm:t>
        <a:bodyPr/>
        <a:lstStyle/>
        <a:p>
          <a:endParaRPr lang="en-US"/>
        </a:p>
      </dgm:t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FA3C60A-21AA-43C4-86A5-B38FD9D55C04}" type="pres">
      <dgm:prSet presAssocID="{53E0566B-B4E9-4F58-84A8-ECC0E3BBFB62}" presName="aSpace" presStyleCnt="0"/>
      <dgm:spPr/>
      <dgm:t>
        <a:bodyPr/>
        <a:lstStyle/>
        <a:p>
          <a:endParaRPr lang="en-US"/>
        </a:p>
      </dgm:t>
    </dgm:pt>
    <dgm:pt modelId="{C052E66A-0249-45BF-9045-874F5280C98A}" type="pres">
      <dgm:prSet presAssocID="{D7FB9D9B-47EF-4A8F-A170-DFCAD6F82B89}" presName="compNode" presStyleCnt="0"/>
      <dgm:spPr/>
      <dgm:t>
        <a:bodyPr/>
        <a:lstStyle/>
        <a:p>
          <a:endParaRPr lang="en-US"/>
        </a:p>
      </dgm:t>
    </dgm:pt>
    <dgm:pt modelId="{01697534-9E0B-4C91-9DC0-60B2075B11C5}" type="pres">
      <dgm:prSet presAssocID="{D7FB9D9B-47EF-4A8F-A170-DFCAD6F82B89}" presName="aNode" presStyleLbl="bgShp" presStyleIdx="2" presStyleCnt="3"/>
      <dgm:spPr/>
      <dgm:t>
        <a:bodyPr/>
        <a:lstStyle/>
        <a:p>
          <a:endParaRPr lang="en-US"/>
        </a:p>
      </dgm:t>
    </dgm:pt>
    <dgm:pt modelId="{F87BC457-E26C-4EA4-B710-F45996C6974F}" type="pres">
      <dgm:prSet presAssocID="{D7FB9D9B-47EF-4A8F-A170-DFCAD6F82B89}" presName="textNode" presStyleLbl="bgShp" presStyleIdx="2" presStyleCnt="3"/>
      <dgm:spPr/>
      <dgm:t>
        <a:bodyPr/>
        <a:lstStyle/>
        <a:p>
          <a:endParaRPr lang="en-US"/>
        </a:p>
      </dgm:t>
    </dgm:pt>
    <dgm:pt modelId="{A18B9721-B3A2-41B8-93F6-95A79CAE35E8}" type="pres">
      <dgm:prSet presAssocID="{D7FB9D9B-47EF-4A8F-A170-DFCAD6F82B89}" presName="compChildNode" presStyleCnt="0"/>
      <dgm:spPr/>
      <dgm:t>
        <a:bodyPr/>
        <a:lstStyle/>
        <a:p>
          <a:endParaRPr lang="en-US"/>
        </a:p>
      </dgm:t>
    </dgm:pt>
    <dgm:pt modelId="{1C3BFE94-DAD7-4D9B-9794-FC1DBF487B27}" type="pres">
      <dgm:prSet presAssocID="{D7FB9D9B-47EF-4A8F-A170-DFCAD6F82B89}" presName="theInnerList" presStyleCnt="0"/>
      <dgm:spPr/>
      <dgm:t>
        <a:bodyPr/>
        <a:lstStyle/>
        <a:p>
          <a:endParaRPr lang="en-US"/>
        </a:p>
      </dgm:t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 smtClean="0"/>
            <a:t>Roney</a:t>
          </a:r>
          <a:r>
            <a:rPr lang="en-US" dirty="0" smtClean="0"/>
            <a:t> </a:t>
          </a:r>
          <a:r>
            <a:rPr lang="en-US" dirty="0" err="1" smtClean="0"/>
            <a:t>Whonshevins</a:t>
          </a:r>
          <a:r>
            <a:rPr lang="en-US" dirty="0" smtClean="0"/>
            <a:t> Project Lead</a:t>
          </a:r>
          <a:endParaRPr lang="en-US" dirty="0"/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 smtClean="0"/>
            <a:t>Jacob Wagner Software Developer</a:t>
          </a:r>
          <a:endParaRPr lang="en-US" dirty="0"/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 smtClean="0"/>
            <a:t>Adan </a:t>
          </a:r>
          <a:r>
            <a:rPr lang="en-US" dirty="0" err="1" smtClean="0"/>
            <a:t>Maxamed</a:t>
          </a:r>
          <a:r>
            <a:rPr lang="en-US" dirty="0" smtClean="0"/>
            <a:t> Software Developer</a:t>
          </a:r>
          <a:endParaRPr lang="en-US" dirty="0"/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 smtClean="0"/>
            <a:t>James Leahy Web Developer</a:t>
          </a:r>
          <a:endParaRPr lang="en-US" dirty="0"/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 smtClean="0"/>
            <a:t>Guy </a:t>
          </a:r>
          <a:r>
            <a:rPr lang="en-US" dirty="0" err="1" smtClean="0"/>
            <a:t>Banaga</a:t>
          </a:r>
          <a:r>
            <a:rPr lang="en-US" dirty="0" smtClean="0"/>
            <a:t> Network Engineer</a:t>
          </a:r>
          <a:endParaRPr lang="en-US" dirty="0"/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 smtClean="0"/>
            <a:t>Andrew Butts Network Engineer</a:t>
          </a:r>
          <a:endParaRPr lang="en-US" dirty="0"/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4EA89FA-F4C3-4343-B0EA-03CE8E80571B}" type="pres">
      <dgm:prSet presAssocID="{1AE76108-91FB-44D8-8A89-B8E208F7E5CA}" presName="rootConnector1" presStyleLbl="node1" presStyleIdx="0" presStyleCnt="0"/>
      <dgm:spPr/>
      <dgm:t>
        <a:bodyPr/>
        <a:lstStyle/>
        <a:p>
          <a:endParaRPr lang="en-US"/>
        </a:p>
      </dgm:t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  <dgm:t>
        <a:bodyPr/>
        <a:lstStyle/>
        <a:p>
          <a:endParaRPr lang="en-US"/>
        </a:p>
      </dgm:t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D164376A-6279-4F34-8FAC-9C7E5143D544}" type="pres">
      <dgm:prSet presAssocID="{292949A4-AA05-4E18-B3F5-1798B9517995}" presName="rootConnector" presStyleLbl="node2" presStyleIdx="0" presStyleCnt="5"/>
      <dgm:spPr/>
      <dgm:t>
        <a:bodyPr/>
        <a:lstStyle/>
        <a:p>
          <a:endParaRPr lang="en-US"/>
        </a:p>
      </dgm:t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  <dgm:t>
        <a:bodyPr/>
        <a:lstStyle/>
        <a:p>
          <a:endParaRPr lang="en-US"/>
        </a:p>
      </dgm:t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5D0D12C-4679-4F26-9710-FD8E514589D1}" type="pres">
      <dgm:prSet presAssocID="{28A0B37A-BED0-495D-9DE0-5C3EB254BD9C}" presName="rootConnector" presStyleLbl="node2" presStyleIdx="1" presStyleCnt="5"/>
      <dgm:spPr/>
      <dgm:t>
        <a:bodyPr/>
        <a:lstStyle/>
        <a:p>
          <a:endParaRPr lang="en-US"/>
        </a:p>
      </dgm:t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  <dgm:t>
        <a:bodyPr/>
        <a:lstStyle/>
        <a:p>
          <a:endParaRPr lang="en-US"/>
        </a:p>
      </dgm:t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66423F-FACA-4DAE-89C7-B644512E5F7D}" type="pres">
      <dgm:prSet presAssocID="{0ACBA0E5-BBCD-43D7-A3BC-FC0CF9D01C8A}" presName="rootConnector" presStyleLbl="node2" presStyleIdx="2" presStyleCnt="5"/>
      <dgm:spPr/>
      <dgm:t>
        <a:bodyPr/>
        <a:lstStyle/>
        <a:p>
          <a:endParaRPr lang="en-US"/>
        </a:p>
      </dgm:t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  <dgm:t>
        <a:bodyPr/>
        <a:lstStyle/>
        <a:p>
          <a:endParaRPr lang="en-US"/>
        </a:p>
      </dgm:t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76F18EF-98B9-479F-AD3D-B0E4FFB0B47A}" type="pres">
      <dgm:prSet presAssocID="{5FDCA85D-1C67-44A6-9071-13A348508795}" presName="rootConnector" presStyleLbl="node2" presStyleIdx="3" presStyleCnt="5"/>
      <dgm:spPr/>
      <dgm:t>
        <a:bodyPr/>
        <a:lstStyle/>
        <a:p>
          <a:endParaRPr lang="en-US"/>
        </a:p>
      </dgm:t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  <dgm:t>
        <a:bodyPr/>
        <a:lstStyle/>
        <a:p>
          <a:endParaRPr lang="en-US"/>
        </a:p>
      </dgm:t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8D51D276-271D-4015-8578-EBD555336B3D}" type="pres">
      <dgm:prSet presAssocID="{DE0E1A6D-842C-4DA7-8886-D7DC31B420C4}" presName="rootConnector" presStyleLbl="node2" presStyleIdx="4" presStyleCnt="5"/>
      <dgm:spPr/>
      <dgm:t>
        <a:bodyPr/>
        <a:lstStyle/>
        <a:p>
          <a:endParaRPr lang="en-US"/>
        </a:p>
      </dgm:t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9114911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8344442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647802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467108" y="249876"/>
              </a:lnTo>
              <a:lnTo>
                <a:pt x="3467108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6033036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262568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647802" y="817899"/>
          <a:ext cx="385234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85234" y="249876"/>
              </a:lnTo>
              <a:lnTo>
                <a:pt x="385234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180694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1540937" y="249876"/>
              </a:lnTo>
              <a:lnTo>
                <a:pt x="1540937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180694" y="3152418"/>
          <a:ext cx="747371" cy="37114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54352"/>
              </a:lnTo>
              <a:lnTo>
                <a:pt x="747371" y="254352"/>
              </a:lnTo>
              <a:lnTo>
                <a:pt x="747371" y="371148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364505" y="4319678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410225" y="3152418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134974" y="1985159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639757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1540937" y="0"/>
              </a:moveTo>
              <a:lnTo>
                <a:pt x="1540937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180694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3467108" y="0"/>
              </a:moveTo>
              <a:lnTo>
                <a:pt x="346710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5017419" y="1731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157504" y="15039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Zander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President &amp; CEO</a:t>
          </a:r>
          <a:endParaRPr lang="en-US" sz="1100" kern="1200" dirty="0"/>
        </a:p>
      </dsp:txBody>
      <dsp:txXfrm>
        <a:off x="5180952" y="173841"/>
        <a:ext cx="1213870" cy="753690"/>
      </dsp:txXfrm>
    </dsp:sp>
    <dsp:sp modelId="{E5517394-D959-43B0-B5C5-7EB48695E2C4}">
      <dsp:nvSpPr>
        <dsp:cNvPr id="0" name=""/>
        <dsp:cNvSpPr/>
      </dsp:nvSpPr>
      <dsp:spPr>
        <a:xfrm>
          <a:off x="1550310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690396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Olivier Renaud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Team Director</a:t>
          </a:r>
          <a:endParaRPr lang="en-US" sz="1100" i="1" kern="1200" dirty="0"/>
        </a:p>
      </dsp:txBody>
      <dsp:txXfrm>
        <a:off x="1713844" y="1341101"/>
        <a:ext cx="1213870" cy="753690"/>
      </dsp:txXfrm>
    </dsp:sp>
    <dsp:sp modelId="{3D56BD52-D03A-4047-AD41-D4D4A6EFB434}">
      <dsp:nvSpPr>
        <dsp:cNvPr id="0" name=""/>
        <dsp:cNvSpPr/>
      </dsp:nvSpPr>
      <dsp:spPr>
        <a:xfrm>
          <a:off x="9373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149458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Spencer Lowe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2906" y="2508361"/>
        <a:ext cx="1213870" cy="753690"/>
      </dsp:txXfrm>
    </dsp:sp>
    <dsp:sp modelId="{DCB1E33D-13EC-4E25-974B-BEC1BFAB8C57}">
      <dsp:nvSpPr>
        <dsp:cNvPr id="0" name=""/>
        <dsp:cNvSpPr/>
      </dsp:nvSpPr>
      <dsp:spPr>
        <a:xfrm>
          <a:off x="1550310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690396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Mike </a:t>
          </a:r>
          <a:r>
            <a:rPr lang="en-US" sz="1100" b="1" kern="1200" dirty="0" err="1" smtClean="0"/>
            <a:t>Danselio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13844" y="2508361"/>
        <a:ext cx="1213870" cy="753690"/>
      </dsp:txXfrm>
    </dsp:sp>
    <dsp:sp modelId="{3EAB1CE4-68D7-4335-A270-8E3EB71A5790}">
      <dsp:nvSpPr>
        <dsp:cNvPr id="0" name=""/>
        <dsp:cNvSpPr/>
      </dsp:nvSpPr>
      <dsp:spPr>
        <a:xfrm>
          <a:off x="779842" y="351909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919927" y="365217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Gym Manager</a:t>
          </a:r>
          <a:endParaRPr lang="en-US" sz="1100" kern="1200" dirty="0"/>
        </a:p>
      </dsp:txBody>
      <dsp:txXfrm>
        <a:off x="943375" y="3675620"/>
        <a:ext cx="1213870" cy="753690"/>
      </dsp:txXfrm>
    </dsp:sp>
    <dsp:sp modelId="{8629E89B-2488-4E84-8D53-9ABAE0E950DB}">
      <dsp:nvSpPr>
        <dsp:cNvPr id="0" name=""/>
        <dsp:cNvSpPr/>
      </dsp:nvSpPr>
      <dsp:spPr>
        <a:xfrm>
          <a:off x="779842" y="468635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919927" y="481943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Assistant Manager of Gym</a:t>
          </a:r>
          <a:endParaRPr lang="en-US" sz="1100" kern="1200" dirty="0"/>
        </a:p>
      </dsp:txBody>
      <dsp:txXfrm>
        <a:off x="943375" y="4842880"/>
        <a:ext cx="1213870" cy="753690"/>
      </dsp:txXfrm>
    </dsp:sp>
    <dsp:sp modelId="{1527F68E-B504-4B54-9F83-94EE448F2A71}">
      <dsp:nvSpPr>
        <dsp:cNvPr id="0" name=""/>
        <dsp:cNvSpPr/>
      </dsp:nvSpPr>
      <dsp:spPr>
        <a:xfrm>
          <a:off x="2297682" y="3523567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437767" y="3656648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HR representative</a:t>
          </a:r>
          <a:endParaRPr lang="en-US" sz="1100" b="1" kern="1200" dirty="0"/>
        </a:p>
      </dsp:txBody>
      <dsp:txXfrm>
        <a:off x="2461215" y="3680096"/>
        <a:ext cx="1213870" cy="753690"/>
      </dsp:txXfrm>
    </dsp:sp>
    <dsp:sp modelId="{0D430ACC-0A24-4E88-8E41-B626B052AB56}">
      <dsp:nvSpPr>
        <dsp:cNvPr id="0" name=""/>
        <dsp:cNvSpPr/>
      </dsp:nvSpPr>
      <dsp:spPr>
        <a:xfrm>
          <a:off x="3091247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31333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Prashanth</a:t>
          </a:r>
          <a:r>
            <a:rPr lang="en-US" sz="1100" b="1" kern="1200" dirty="0" smtClean="0"/>
            <a:t> Desai</a:t>
          </a:r>
          <a:br>
            <a:rPr lang="en-US" sz="1100" b="1" kern="1200" dirty="0" smtClean="0"/>
          </a:br>
          <a:r>
            <a:rPr lang="en-US" sz="1100" b="0" kern="1200" dirty="0" smtClean="0"/>
            <a:t>Regiona</a:t>
          </a:r>
          <a:r>
            <a:rPr lang="en-US" sz="1100" b="1" kern="1200" dirty="0" smtClean="0"/>
            <a:t>l</a:t>
          </a:r>
          <a:r>
            <a:rPr lang="en-US" sz="1100" i="1" kern="1200" dirty="0" smtClean="0"/>
            <a:t>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3254781" y="2508361"/>
        <a:ext cx="1213870" cy="753690"/>
      </dsp:txXfrm>
    </dsp:sp>
    <dsp:sp modelId="{814D968B-BB58-4009-A740-66AD03AAD2CC}">
      <dsp:nvSpPr>
        <dsp:cNvPr id="0" name=""/>
        <dsp:cNvSpPr/>
      </dsp:nvSpPr>
      <dsp:spPr>
        <a:xfrm>
          <a:off x="5402653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542738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awrie Gaffney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CFO</a:t>
          </a:r>
          <a:endParaRPr lang="en-US" sz="1100" i="1" kern="1200" dirty="0"/>
        </a:p>
      </dsp:txBody>
      <dsp:txXfrm>
        <a:off x="5566186" y="1341101"/>
        <a:ext cx="1213870" cy="753690"/>
      </dsp:txXfrm>
    </dsp:sp>
    <dsp:sp modelId="{BB1DA2C6-9035-47F3-AABE-8B758B6D19F0}">
      <dsp:nvSpPr>
        <dsp:cNvPr id="0" name=""/>
        <dsp:cNvSpPr/>
      </dsp:nvSpPr>
      <dsp:spPr>
        <a:xfrm>
          <a:off x="4632185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772270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smtClean="0"/>
            <a:t>Patrick lliott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i="1" kern="1200" dirty="0" smtClean="0"/>
            <a:t>VP Finance</a:t>
          </a:r>
          <a:endParaRPr lang="en-US" sz="1100" i="1" kern="1200" dirty="0"/>
        </a:p>
      </dsp:txBody>
      <dsp:txXfrm>
        <a:off x="4795718" y="2508361"/>
        <a:ext cx="1213870" cy="753690"/>
      </dsp:txXfrm>
    </dsp:sp>
    <dsp:sp modelId="{C410A2C1-12AA-4197-9D2B-0529261F107A}">
      <dsp:nvSpPr>
        <dsp:cNvPr id="0" name=""/>
        <dsp:cNvSpPr/>
      </dsp:nvSpPr>
      <dsp:spPr>
        <a:xfrm>
          <a:off x="6173122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313207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ola Jacobsen</a:t>
          </a:r>
          <a:br>
            <a:rPr lang="en-US" sz="1100" b="1" kern="1200" dirty="0" smtClean="0"/>
          </a:br>
          <a:r>
            <a:rPr lang="en-US" sz="1100" i="1" kern="1200" dirty="0" smtClean="0"/>
            <a:t>VP Accounting</a:t>
          </a:r>
          <a:endParaRPr lang="en-US" sz="1100" i="1" kern="1200" dirty="0"/>
        </a:p>
      </dsp:txBody>
      <dsp:txXfrm>
        <a:off x="6336655" y="2508361"/>
        <a:ext cx="1213870" cy="753690"/>
      </dsp:txXfrm>
    </dsp:sp>
    <dsp:sp modelId="{53DA5E8F-87F9-40FC-9678-EFD0486B275A}">
      <dsp:nvSpPr>
        <dsp:cNvPr id="0" name=""/>
        <dsp:cNvSpPr/>
      </dsp:nvSpPr>
      <dsp:spPr>
        <a:xfrm>
          <a:off x="8484527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624612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Szabolcs</a:t>
          </a:r>
          <a:r>
            <a:rPr lang="en-US" sz="1100" b="1" kern="1200" dirty="0" smtClean="0"/>
            <a:t> </a:t>
          </a:r>
          <a:r>
            <a:rPr lang="en-US" sz="1100" b="1" kern="1200" dirty="0" err="1" smtClean="0"/>
            <a:t>Vajda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b="0" kern="1200" dirty="0" smtClean="0"/>
            <a:t>Director of Human Resources</a:t>
          </a:r>
          <a:endParaRPr lang="en-US" sz="1100" b="0" i="1" kern="1200" dirty="0"/>
        </a:p>
      </dsp:txBody>
      <dsp:txXfrm>
        <a:off x="8648060" y="1341101"/>
        <a:ext cx="1213870" cy="753690"/>
      </dsp:txXfrm>
    </dsp:sp>
    <dsp:sp modelId="{C1D5E974-C272-426D-9C3B-33FC0063D5F1}">
      <dsp:nvSpPr>
        <dsp:cNvPr id="0" name=""/>
        <dsp:cNvSpPr/>
      </dsp:nvSpPr>
      <dsp:spPr>
        <a:xfrm>
          <a:off x="7714059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854144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</a:t>
          </a:r>
          <a:r>
            <a:rPr lang="en-US" sz="1100" b="1" kern="1200" dirty="0" err="1" smtClean="0"/>
            <a:t>Kozleski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Human Resources</a:t>
          </a:r>
          <a:endParaRPr lang="en-US" sz="1100" i="1" kern="1200" dirty="0"/>
        </a:p>
      </dsp:txBody>
      <dsp:txXfrm>
        <a:off x="7877592" y="2508361"/>
        <a:ext cx="1213870" cy="753690"/>
      </dsp:txXfrm>
    </dsp:sp>
    <dsp:sp modelId="{50D474EC-98DC-4737-BC55-92D95CD2A76F}">
      <dsp:nvSpPr>
        <dsp:cNvPr id="0" name=""/>
        <dsp:cNvSpPr/>
      </dsp:nvSpPr>
      <dsp:spPr>
        <a:xfrm>
          <a:off x="9254996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9395081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Pat Coleman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Customer Svc</a:t>
          </a:r>
          <a:endParaRPr lang="en-US" sz="1100" i="1" kern="1200" dirty="0"/>
        </a:p>
      </dsp:txBody>
      <dsp:txXfrm>
        <a:off x="9418529" y="2508361"/>
        <a:ext cx="1213870" cy="75369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160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East Coast</a:t>
          </a:r>
          <a:endParaRPr lang="en-US" sz="5000" kern="1200" dirty="0"/>
        </a:p>
      </dsp:txBody>
      <dsp:txXfrm>
        <a:off x="1160" y="0"/>
        <a:ext cx="3017246" cy="1396953"/>
      </dsp:txXfrm>
    </dsp:sp>
    <dsp:sp modelId="{E428CD33-FA68-46B3-9F64-5AE50B0A48A7}">
      <dsp:nvSpPr>
        <dsp:cNvPr id="0" name=""/>
        <dsp:cNvSpPr/>
      </dsp:nvSpPr>
      <dsp:spPr>
        <a:xfrm>
          <a:off x="30288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Philadelphia, P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rlington, V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b="1" kern="1200" dirty="0"/>
        </a:p>
      </dsp:txBody>
      <dsp:txXfrm>
        <a:off x="373583" y="1467651"/>
        <a:ext cx="2272401" cy="2885336"/>
      </dsp:txXfrm>
    </dsp:sp>
    <dsp:sp modelId="{87088F45-863D-4158-B60A-599EE4F1EF62}">
      <dsp:nvSpPr>
        <dsp:cNvPr id="0" name=""/>
        <dsp:cNvSpPr/>
      </dsp:nvSpPr>
      <dsp:spPr>
        <a:xfrm>
          <a:off x="324470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Midwest</a:t>
          </a:r>
          <a:endParaRPr lang="en-US" sz="5000" kern="1200" dirty="0"/>
        </a:p>
      </dsp:txBody>
      <dsp:txXfrm>
        <a:off x="3244701" y="0"/>
        <a:ext cx="3017246" cy="1396953"/>
      </dsp:txXfrm>
    </dsp:sp>
    <dsp:sp modelId="{8C4F88DF-20F8-4745-9426-66C191DC6822}">
      <dsp:nvSpPr>
        <dsp:cNvPr id="0" name=""/>
        <dsp:cNvSpPr/>
      </dsp:nvSpPr>
      <dsp:spPr>
        <a:xfrm>
          <a:off x="354642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incinnati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troit, MI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olumbus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Milwaukee, WI</a:t>
          </a:r>
          <a:br>
            <a:rPr lang="en-US" sz="1900" b="1" kern="1200" dirty="0" smtClean="0"/>
          </a:br>
          <a:r>
            <a:rPr lang="en-US" sz="1900" b="1" kern="1200" dirty="0" smtClean="0"/>
            <a:t>Chicago, IL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allas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Houston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Tucson, AZ</a:t>
          </a:r>
        </a:p>
      </dsp:txBody>
      <dsp:txXfrm>
        <a:off x="3617123" y="1467651"/>
        <a:ext cx="2272401" cy="2885336"/>
      </dsp:txXfrm>
    </dsp:sp>
    <dsp:sp modelId="{01697534-9E0B-4C91-9DC0-60B2075B11C5}">
      <dsp:nvSpPr>
        <dsp:cNvPr id="0" name=""/>
        <dsp:cNvSpPr/>
      </dsp:nvSpPr>
      <dsp:spPr>
        <a:xfrm>
          <a:off x="648824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West</a:t>
          </a:r>
          <a:endParaRPr lang="en-US" sz="5000" kern="1200" dirty="0"/>
        </a:p>
      </dsp:txBody>
      <dsp:txXfrm>
        <a:off x="6488241" y="0"/>
        <a:ext cx="3017246" cy="1396953"/>
      </dsp:txXfrm>
    </dsp:sp>
    <dsp:sp modelId="{7A040E14-948D-4559-992F-42A395A9AB74}">
      <dsp:nvSpPr>
        <dsp:cNvPr id="0" name=""/>
        <dsp:cNvSpPr/>
      </dsp:nvSpPr>
      <dsp:spPr>
        <a:xfrm>
          <a:off x="6789966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lbuquerque, NM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os Angeles, C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San Francisco, C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nver, CO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as Vegas, NV</a:t>
          </a:r>
          <a:endParaRPr lang="en-US" sz="1900" b="1" kern="1200" dirty="0"/>
        </a:p>
      </dsp:txBody>
      <dsp:txXfrm>
        <a:off x="6860664" y="1467651"/>
        <a:ext cx="2272401" cy="288533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3324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3938725" y="170895"/>
              </a:lnTo>
              <a:lnTo>
                <a:pt x="3938725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3324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1969362" y="170895"/>
              </a:lnTo>
              <a:lnTo>
                <a:pt x="1969362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7604" y="1569059"/>
          <a:ext cx="91440" cy="34179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3961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1969362" y="0"/>
              </a:moveTo>
              <a:lnTo>
                <a:pt x="1969362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598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3938725" y="0"/>
              </a:moveTo>
              <a:lnTo>
                <a:pt x="3938725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39538" y="755273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Roney</a:t>
          </a:r>
          <a:r>
            <a:rPr lang="en-US" sz="1800" kern="1200" dirty="0" smtClean="0"/>
            <a:t> </a:t>
          </a:r>
          <a:r>
            <a:rPr lang="en-US" sz="1800" kern="1200" dirty="0" err="1" smtClean="0"/>
            <a:t>Whonshevins</a:t>
          </a:r>
          <a:r>
            <a:rPr lang="en-US" sz="1800" kern="1200" dirty="0" smtClean="0"/>
            <a:t> Project Lead</a:t>
          </a:r>
          <a:endParaRPr lang="en-US" sz="1800" kern="1200" dirty="0"/>
        </a:p>
      </dsp:txBody>
      <dsp:txXfrm>
        <a:off x="3939538" y="755273"/>
        <a:ext cx="1627572" cy="813786"/>
      </dsp:txXfrm>
    </dsp:sp>
    <dsp:sp modelId="{7174A553-29A2-4360-80CF-40A80BE1E5E1}">
      <dsp:nvSpPr>
        <dsp:cNvPr id="0" name=""/>
        <dsp:cNvSpPr/>
      </dsp:nvSpPr>
      <dsp:spPr>
        <a:xfrm>
          <a:off x="812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cob Wagner Software Developer</a:t>
          </a:r>
          <a:endParaRPr lang="en-US" sz="1800" kern="1200" dirty="0"/>
        </a:p>
      </dsp:txBody>
      <dsp:txXfrm>
        <a:off x="812" y="1910850"/>
        <a:ext cx="1627572" cy="813786"/>
      </dsp:txXfrm>
    </dsp:sp>
    <dsp:sp modelId="{08335018-97AA-460E-A117-81DBA3DD3BA6}">
      <dsp:nvSpPr>
        <dsp:cNvPr id="0" name=""/>
        <dsp:cNvSpPr/>
      </dsp:nvSpPr>
      <dsp:spPr>
        <a:xfrm>
          <a:off x="1970175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dan </a:t>
          </a:r>
          <a:r>
            <a:rPr lang="en-US" sz="1800" kern="1200" dirty="0" err="1" smtClean="0"/>
            <a:t>Maxamed</a:t>
          </a:r>
          <a:r>
            <a:rPr lang="en-US" sz="1800" kern="1200" dirty="0" smtClean="0"/>
            <a:t> Software Developer</a:t>
          </a:r>
          <a:endParaRPr lang="en-US" sz="1800" kern="1200" dirty="0"/>
        </a:p>
      </dsp:txBody>
      <dsp:txXfrm>
        <a:off x="1970175" y="1910850"/>
        <a:ext cx="1627572" cy="813786"/>
      </dsp:txXfrm>
    </dsp:sp>
    <dsp:sp modelId="{57DA3771-BFCF-450F-AC08-0C13953670E4}">
      <dsp:nvSpPr>
        <dsp:cNvPr id="0" name=""/>
        <dsp:cNvSpPr/>
      </dsp:nvSpPr>
      <dsp:spPr>
        <a:xfrm>
          <a:off x="3939538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mes Leahy Web Developer</a:t>
          </a:r>
          <a:endParaRPr lang="en-US" sz="1800" kern="1200" dirty="0"/>
        </a:p>
      </dsp:txBody>
      <dsp:txXfrm>
        <a:off x="3939538" y="1910850"/>
        <a:ext cx="1627572" cy="813786"/>
      </dsp:txXfrm>
    </dsp:sp>
    <dsp:sp modelId="{95F76DE9-F993-4C08-8EB9-2BBE7C2B73FA}">
      <dsp:nvSpPr>
        <dsp:cNvPr id="0" name=""/>
        <dsp:cNvSpPr/>
      </dsp:nvSpPr>
      <dsp:spPr>
        <a:xfrm>
          <a:off x="5908901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Guy </a:t>
          </a:r>
          <a:r>
            <a:rPr lang="en-US" sz="1800" kern="1200" dirty="0" err="1" smtClean="0"/>
            <a:t>Banaga</a:t>
          </a:r>
          <a:r>
            <a:rPr lang="en-US" sz="1800" kern="1200" dirty="0" smtClean="0"/>
            <a:t> Network Engineer</a:t>
          </a:r>
          <a:endParaRPr lang="en-US" sz="1800" kern="1200" dirty="0"/>
        </a:p>
      </dsp:txBody>
      <dsp:txXfrm>
        <a:off x="5908901" y="1910850"/>
        <a:ext cx="1627572" cy="813786"/>
      </dsp:txXfrm>
    </dsp:sp>
    <dsp:sp modelId="{931BDEED-7C24-44A9-8AA6-DFC70DC799DC}">
      <dsp:nvSpPr>
        <dsp:cNvPr id="0" name=""/>
        <dsp:cNvSpPr/>
      </dsp:nvSpPr>
      <dsp:spPr>
        <a:xfrm>
          <a:off x="7878264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ndrew Butts Network Engineer</a:t>
          </a:r>
          <a:endParaRPr lang="en-US" sz="1800" kern="1200" dirty="0"/>
        </a:p>
      </dsp:txBody>
      <dsp:txXfrm>
        <a:off x="7878264" y="1910850"/>
        <a:ext cx="1627572" cy="8137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9/14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4" name="Straight Connector 13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grpSp>
        <p:nvGrpSpPr>
          <p:cNvPr id="12" name="bottom lines"/>
          <p:cNvGrpSpPr/>
          <p:nvPr/>
        </p:nvGrpSpPr>
        <p:grpSpPr>
          <a:xfrm>
            <a:off x="-8916" y="6057149"/>
            <a:ext cx="5498726" cy="820207"/>
            <a:chOff x="-6689" y="4553748"/>
            <a:chExt cx="4125119" cy="615155"/>
          </a:xfrm>
        </p:grpSpPr>
        <p:sp>
          <p:nvSpPr>
            <p:cNvPr id="9" name="Freeform 8"/>
            <p:cNvSpPr/>
            <p:nvPr/>
          </p:nvSpPr>
          <p:spPr>
            <a:xfrm rot="16200000">
              <a:off x="1754302" y="2802395"/>
              <a:ext cx="612775" cy="411548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4115481 h 4115481"/>
                <a:gd name="connsiteX1" fmla="*/ 612775 w 612775"/>
                <a:gd name="connsiteY1" fmla="*/ 3180443 h 4115481"/>
                <a:gd name="connsiteX2" fmla="*/ 612775 w 612775"/>
                <a:gd name="connsiteY2" fmla="*/ 0 h 41154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4115481">
                  <a:moveTo>
                    <a:pt x="0" y="4115481"/>
                  </a:moveTo>
                  <a:lnTo>
                    <a:pt x="612775" y="3180443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0" name="Freeform 9"/>
            <p:cNvSpPr/>
            <p:nvPr/>
          </p:nvSpPr>
          <p:spPr>
            <a:xfrm rot="16200000">
              <a:off x="1604659" y="3152814"/>
              <a:ext cx="410751" cy="3621427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  <a:gd name="connsiteX0" fmla="*/ 0 w 410751"/>
                <a:gd name="connsiteY0" fmla="*/ 3614170 h 3614170"/>
                <a:gd name="connsiteX1" fmla="*/ 410751 w 410751"/>
                <a:gd name="connsiteY1" fmla="*/ 2990994 h 3614170"/>
                <a:gd name="connsiteX2" fmla="*/ 405947 w 410751"/>
                <a:gd name="connsiteY2" fmla="*/ 0 h 3614170"/>
                <a:gd name="connsiteX0" fmla="*/ 0 w 410751"/>
                <a:gd name="connsiteY0" fmla="*/ 3621427 h 3621427"/>
                <a:gd name="connsiteX1" fmla="*/ 410751 w 410751"/>
                <a:gd name="connsiteY1" fmla="*/ 2998251 h 3621427"/>
                <a:gd name="connsiteX2" fmla="*/ 405947 w 410751"/>
                <a:gd name="connsiteY2" fmla="*/ 0 h 3621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621427">
                  <a:moveTo>
                    <a:pt x="0" y="3621427"/>
                  </a:moveTo>
                  <a:lnTo>
                    <a:pt x="410751" y="2998251"/>
                  </a:lnTo>
                  <a:cubicBezTo>
                    <a:pt x="410359" y="2065358"/>
                    <a:pt x="406339" y="932893"/>
                    <a:pt x="405947" y="0"/>
                  </a:cubicBez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 rot="16200000">
              <a:off x="1462308" y="3453376"/>
              <a:ext cx="241768" cy="31797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  <a:gd name="connsiteX0" fmla="*/ 0 w 241768"/>
                <a:gd name="connsiteY0" fmla="*/ 3179761 h 3179761"/>
                <a:gd name="connsiteX1" fmla="*/ 238919 w 241768"/>
                <a:gd name="connsiteY1" fmla="*/ 2819370 h 3179761"/>
                <a:gd name="connsiteX2" fmla="*/ 241754 w 241768"/>
                <a:gd name="connsiteY2" fmla="*/ 0 h 31797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41768" h="3179761">
                  <a:moveTo>
                    <a:pt x="0" y="3179761"/>
                  </a:moveTo>
                  <a:lnTo>
                    <a:pt x="238919" y="2819370"/>
                  </a:lnTo>
                  <a:cubicBezTo>
                    <a:pt x="238654" y="1947313"/>
                    <a:pt x="242019" y="872057"/>
                    <a:pt x="241754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25176" y="584200"/>
            <a:ext cx="8735325" cy="2000251"/>
          </a:xfrm>
        </p:spPr>
        <p:txBody>
          <a:bodyPr>
            <a:normAutofit/>
          </a:bodyPr>
          <a:lstStyle>
            <a:lvl1pPr>
              <a:defRPr sz="5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25176" y="2616200"/>
            <a:ext cx="8735325" cy="17526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9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4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4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22" name="Date Placeholder 2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23" name="Footer Placeholder 2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24" name="Slide Number Placeholder 2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47488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996675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6898" y="584200"/>
            <a:ext cx="2742486" cy="55880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18882" y="584200"/>
            <a:ext cx="7414869" cy="55880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886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067690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2" name="Straight Connector 11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4" name="Straight Connector 13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25177" y="2209801"/>
            <a:ext cx="8938472" cy="2764335"/>
          </a:xfrm>
        </p:spPr>
        <p:txBody>
          <a:bodyPr anchor="b">
            <a:normAutofit/>
          </a:bodyPr>
          <a:lstStyle>
            <a:lvl1pPr algn="l">
              <a:defRPr sz="54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25176" y="4951266"/>
            <a:ext cx="7069519" cy="1220933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8987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3pPr>
            <a:lvl4pPr marL="182848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4pPr>
            <a:lvl5pPr marL="243797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5pPr>
            <a:lvl6pPr marL="304746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6pPr>
            <a:lvl7pPr marL="365696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7pPr>
            <a:lvl8pPr marL="426645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8pPr>
            <a:lvl9pPr marL="487594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616330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18883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707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57647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18883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96644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0707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 baseline="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381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152291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72478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4971" y="584200"/>
            <a:ext cx="6094413" cy="558800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18139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5484971" y="584200"/>
            <a:ext cx="6094413" cy="5588000"/>
          </a:xfrm>
          <a:ln w="12700">
            <a:solidFill>
              <a:schemeClr val="bg1">
                <a:lumMod val="75000"/>
                <a:lumOff val="25000"/>
              </a:schemeClr>
            </a:solidFill>
            <a:miter lim="800000"/>
          </a:ln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609493" indent="0">
              <a:buNone/>
              <a:defRPr sz="3700"/>
            </a:lvl2pPr>
            <a:lvl3pPr marL="1218987" indent="0">
              <a:buNone/>
              <a:defRPr sz="3200"/>
            </a:lvl3pPr>
            <a:lvl4pPr marL="1828480" indent="0">
              <a:buNone/>
              <a:defRPr sz="2700"/>
            </a:lvl4pPr>
            <a:lvl5pPr marL="2437973" indent="0">
              <a:buNone/>
              <a:defRPr sz="2700"/>
            </a:lvl5pPr>
            <a:lvl6pPr marL="3047467" indent="0">
              <a:buNone/>
              <a:defRPr sz="2700"/>
            </a:lvl6pPr>
            <a:lvl7pPr marL="3656960" indent="0">
              <a:buNone/>
              <a:defRPr sz="2700"/>
            </a:lvl7pPr>
            <a:lvl8pPr marL="4266453" indent="0">
              <a:buNone/>
              <a:defRPr sz="2700"/>
            </a:lvl8pPr>
            <a:lvl9pPr marL="4875947" indent="0">
              <a:buNone/>
              <a:defRPr sz="27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23431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left lines"/>
          <p:cNvGrpSpPr/>
          <p:nvPr/>
        </p:nvGrpSpPr>
        <p:grpSpPr>
          <a:xfrm>
            <a:off x="-15870" y="-3174"/>
            <a:ext cx="819993" cy="5229225"/>
            <a:chOff x="-11906" y="-2381"/>
            <a:chExt cx="615155" cy="3921919"/>
          </a:xfrm>
        </p:grpSpPr>
        <p:sp>
          <p:nvSpPr>
            <p:cNvPr id="10" name="Freeform 9"/>
            <p:cNvSpPr/>
            <p:nvPr/>
          </p:nvSpPr>
          <p:spPr>
            <a:xfrm>
              <a:off x="-9526" y="0"/>
              <a:ext cx="612775" cy="3919538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3919538">
                  <a:moveTo>
                    <a:pt x="0" y="3919538"/>
                  </a:moveTo>
                  <a:lnTo>
                    <a:pt x="612775" y="2984500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>
              <a:off x="-11906" y="0"/>
              <a:ext cx="410751" cy="3421856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421856">
                  <a:moveTo>
                    <a:pt x="0" y="3421856"/>
                  </a:moveTo>
                  <a:lnTo>
                    <a:pt x="410751" y="2798680"/>
                  </a:lnTo>
                  <a:lnTo>
                    <a:pt x="409575" y="0"/>
                  </a:ln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4" name="Freeform 13"/>
            <p:cNvSpPr/>
            <p:nvPr/>
          </p:nvSpPr>
          <p:spPr>
            <a:xfrm>
              <a:off x="-7144" y="-2381"/>
              <a:ext cx="238919" cy="29765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8919" h="2976561">
                  <a:moveTo>
                    <a:pt x="0" y="2976561"/>
                  </a:moveTo>
                  <a:lnTo>
                    <a:pt x="238919" y="2616170"/>
                  </a:lnTo>
                  <a:cubicBezTo>
                    <a:pt x="238654" y="1744113"/>
                    <a:pt x="238390" y="872057"/>
                    <a:pt x="238125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8883" y="274637"/>
            <a:ext cx="10360501" cy="1223963"/>
          </a:xfrm>
          <a:prstGeom prst="rect">
            <a:avLst/>
          </a:prstGeom>
        </p:spPr>
        <p:txBody>
          <a:bodyPr vert="horz" lIns="121899" tIns="60949" rIns="121899" bIns="60949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797"/>
            <a:ext cx="10360501" cy="4462272"/>
          </a:xfrm>
          <a:prstGeom prst="rect">
            <a:avLst/>
          </a:prstGeom>
        </p:spPr>
        <p:txBody>
          <a:bodyPr vert="horz" lIns="121899" tIns="60949" rIns="121899" bIns="60949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18882" y="6356352"/>
            <a:ext cx="2234618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DFD029-FB74-4578-B929-F66AA97659CA}" type="datetimeFigureOut">
              <a:rPr lang="en-US"/>
              <a:pPr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3501" y="6356352"/>
            <a:ext cx="5281824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63649" y="6356352"/>
            <a:ext cx="1015735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14DD1E-5D91-48A3-AD6D-45FBA980D10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9527588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1218987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47" indent="-304747" algn="l" defTabSz="1218987" rtl="0" eaLnBrk="1" latinLnBrk="0" hangingPunct="1">
        <a:lnSpc>
          <a:spcPct val="90000"/>
        </a:lnSpc>
        <a:spcBef>
          <a:spcPts val="1600"/>
        </a:spcBef>
        <a:buClr>
          <a:schemeClr val="accent1"/>
        </a:buClr>
        <a:buSzPct val="100000"/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4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1898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52373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2848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13322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243797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74272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8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8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7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6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6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5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94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image" Target="../media/image1.png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EVER HEALTH TECHNOLOGY PLAN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Presented by: Eagle Consult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COST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Ability to maintain and handle member information has become increasingly haphazard</a:t>
            </a:r>
          </a:p>
          <a:p>
            <a:r>
              <a:rPr lang="en-US" sz="3200" dirty="0"/>
              <a:t>Improper charges to cancelled or duplicate members </a:t>
            </a:r>
            <a:r>
              <a:rPr lang="en-US" sz="3200" dirty="0" smtClean="0"/>
              <a:t>cost both </a:t>
            </a:r>
            <a:r>
              <a:rPr lang="en-US" sz="3200" dirty="0"/>
              <a:t>time and money to repair</a:t>
            </a:r>
          </a:p>
          <a:p>
            <a:r>
              <a:rPr lang="en-US" sz="3200" dirty="0"/>
              <a:t>In the past 2 years they have seen a 30% drop in customer membership </a:t>
            </a:r>
            <a:r>
              <a:rPr lang="en-US" sz="3200" dirty="0" smtClean="0"/>
              <a:t>renewal, </a:t>
            </a:r>
            <a:r>
              <a:rPr lang="en-US" sz="3200" dirty="0"/>
              <a:t>resulting in a total loss of over $1,000,000  </a:t>
            </a:r>
          </a:p>
          <a:p>
            <a:r>
              <a:rPr lang="en-US" sz="3200" dirty="0"/>
              <a:t>C</a:t>
            </a:r>
            <a:r>
              <a:rPr lang="en-US" sz="3200" dirty="0" smtClean="0"/>
              <a:t>ustomer satisfaction </a:t>
            </a:r>
            <a:r>
              <a:rPr lang="en-US" sz="3200" dirty="0"/>
              <a:t>decreased  20% due to </a:t>
            </a:r>
            <a:r>
              <a:rPr lang="en-US" sz="3200" dirty="0" smtClean="0"/>
              <a:t>difficulties</a:t>
            </a:r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502920" indent="-457200"/>
            <a:r>
              <a:rPr lang="en-US" sz="3200" b="1" dirty="0"/>
              <a:t>A centralized Database:</a:t>
            </a:r>
          </a:p>
          <a:p>
            <a:pPr marL="708660" lvl="1" indent="-342900"/>
            <a:r>
              <a:rPr lang="en-US" sz="3200" dirty="0" smtClean="0"/>
              <a:t>Shared </a:t>
            </a:r>
            <a:r>
              <a:rPr lang="en-US" sz="3200" dirty="0"/>
              <a:t>across all gym locations</a:t>
            </a:r>
          </a:p>
          <a:p>
            <a:pPr marL="708660" lvl="1" indent="-342900"/>
            <a:r>
              <a:rPr lang="en-US" sz="3200" dirty="0" smtClean="0"/>
              <a:t>With </a:t>
            </a:r>
            <a:r>
              <a:rPr lang="en-US" sz="3200" dirty="0"/>
              <a:t>all appropriate documentation</a:t>
            </a:r>
          </a:p>
          <a:p>
            <a:pPr marL="502920" indent="-457200"/>
            <a:r>
              <a:rPr lang="en-US" sz="3200" b="1" dirty="0"/>
              <a:t>A redesigned and fully functional website:</a:t>
            </a:r>
          </a:p>
          <a:p>
            <a:pPr marL="708660" lvl="1" indent="-342900"/>
            <a:r>
              <a:rPr lang="en-US" sz="3200" dirty="0" smtClean="0"/>
              <a:t>Add </a:t>
            </a:r>
            <a:r>
              <a:rPr lang="en-US" sz="3200" dirty="0"/>
              <a:t>functionality that allows customers to  create, renew, update, or cancel 	their membership</a:t>
            </a:r>
          </a:p>
          <a:p>
            <a:pPr marL="708660" lvl="1" indent="-342900"/>
            <a:r>
              <a:rPr lang="en-US" sz="3200" dirty="0" smtClean="0"/>
              <a:t>Connected </a:t>
            </a:r>
            <a:r>
              <a:rPr lang="en-US" sz="3200" dirty="0"/>
              <a:t>directly to the databas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 smtClean="0"/>
              <a:t>Properly </a:t>
            </a:r>
            <a:r>
              <a:rPr lang="en-US" sz="3200" dirty="0"/>
              <a:t>documented and useable by all employees</a:t>
            </a:r>
          </a:p>
          <a:p>
            <a:pPr marL="708660" lvl="1" indent="-342900"/>
            <a:r>
              <a:rPr lang="en-US" sz="3200" dirty="0" smtClean="0"/>
              <a:t>Capable </a:t>
            </a:r>
            <a:r>
              <a:rPr lang="en-US" sz="3200" dirty="0"/>
              <a:t>of pulling and updating information from the </a:t>
            </a:r>
            <a:r>
              <a:rPr lang="en-US" sz="3200" dirty="0" smtClean="0"/>
              <a:t>database</a:t>
            </a:r>
          </a:p>
          <a:p>
            <a:r>
              <a:rPr lang="en-US" sz="3200" b="1" dirty="0"/>
              <a:t>An accounting system capable of  monitoring:</a:t>
            </a:r>
          </a:p>
          <a:p>
            <a:pPr lvl="1"/>
            <a:r>
              <a:rPr lang="en-US" sz="3200" dirty="0"/>
              <a:t> General Ledger</a:t>
            </a:r>
          </a:p>
          <a:p>
            <a:pPr lvl="1"/>
            <a:r>
              <a:rPr lang="en-US" sz="3200" dirty="0"/>
              <a:t> Accounts Receivable/Payable</a:t>
            </a:r>
          </a:p>
          <a:p>
            <a:pPr lvl="1"/>
            <a:r>
              <a:rPr lang="en-US" sz="3200" dirty="0"/>
              <a:t> Balance Sheet, Profit/Loss Statements</a:t>
            </a:r>
          </a:p>
          <a:p>
            <a:pPr marL="708660" lvl="1" indent="-342900"/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PROJECT COMPLE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Expected completion date: December 13</a:t>
            </a:r>
            <a:r>
              <a:rPr lang="en-US" sz="3200" baseline="30000" dirty="0"/>
              <a:t>th</a:t>
            </a:r>
            <a:r>
              <a:rPr lang="en-US" sz="3200" dirty="0"/>
              <a:t>, 2016</a:t>
            </a:r>
          </a:p>
          <a:p>
            <a:r>
              <a:rPr lang="en-US" sz="3200" dirty="0"/>
              <a:t>Upon Completion of this project, we expect to see:</a:t>
            </a:r>
          </a:p>
          <a:p>
            <a:pPr lvl="1"/>
            <a:r>
              <a:rPr lang="en-US" sz="2800" dirty="0"/>
              <a:t>A 50% increase in overall customer satisfaction </a:t>
            </a:r>
          </a:p>
          <a:p>
            <a:pPr lvl="1"/>
            <a:r>
              <a:rPr lang="en-US" sz="2800" dirty="0"/>
              <a:t>An 80% increase in customer retention </a:t>
            </a:r>
            <a:endParaRPr lang="en-US" sz="2800" dirty="0" smtClean="0"/>
          </a:p>
          <a:p>
            <a:pPr lvl="1"/>
            <a:r>
              <a:rPr lang="en-US" sz="2800" dirty="0" smtClean="0"/>
              <a:t>Potential </a:t>
            </a:r>
            <a:r>
              <a:rPr lang="en-US" sz="2800" dirty="0"/>
              <a:t>to see </a:t>
            </a:r>
            <a:r>
              <a:rPr lang="en-US" sz="2800" dirty="0" smtClean="0"/>
              <a:t>increased revenue </a:t>
            </a:r>
            <a:r>
              <a:rPr lang="en-US" sz="2800" dirty="0"/>
              <a:t>between $500,000 </a:t>
            </a:r>
            <a:r>
              <a:rPr lang="en-US" sz="2800" dirty="0" smtClean="0"/>
              <a:t>- $800,000</a:t>
            </a:r>
            <a:endParaRPr lang="en-US" sz="2800" dirty="0"/>
          </a:p>
          <a:p>
            <a:pPr lvl="1"/>
            <a:r>
              <a:rPr lang="en-US" sz="2800" dirty="0"/>
              <a:t>A 10% increase in Membership sign ups </a:t>
            </a:r>
            <a:r>
              <a:rPr lang="en-US" sz="2800" dirty="0" smtClean="0"/>
              <a:t>yearly; 2,000 </a:t>
            </a:r>
            <a:r>
              <a:rPr lang="en-US" sz="2800" dirty="0"/>
              <a:t>new customers bringing in $200,000 </a:t>
            </a:r>
            <a:r>
              <a:rPr lang="en-US" sz="2800" dirty="0" smtClean="0"/>
              <a:t>annually</a:t>
            </a:r>
            <a:endParaRPr lang="en-US" sz="2800" dirty="0"/>
          </a:p>
          <a:p>
            <a:pPr lvl="1"/>
            <a:r>
              <a:rPr lang="en-US" sz="2800" dirty="0"/>
              <a:t>A 10% </a:t>
            </a:r>
            <a:r>
              <a:rPr lang="en-US" sz="2800" dirty="0" smtClean="0"/>
              <a:t>increase in </a:t>
            </a:r>
            <a:r>
              <a:rPr lang="en-US" sz="2800" dirty="0"/>
              <a:t>employee </a:t>
            </a:r>
            <a:r>
              <a:rPr lang="en-US" sz="2800" dirty="0" smtClean="0"/>
              <a:t>efficiency</a:t>
            </a:r>
            <a:endParaRPr lang="en-US" sz="28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en-US" sz="4400" b="1" dirty="0" smtClean="0"/>
              <a:t>Project Team Roles </a:t>
            </a:r>
            <a:r>
              <a:rPr lang="en-US" sz="4400" b="1" dirty="0" smtClean="0"/>
              <a:t/>
            </a:r>
            <a:br>
              <a:rPr lang="en-US" sz="4400" b="1" dirty="0" smtClean="0"/>
            </a:br>
            <a:r>
              <a:rPr lang="en-US" sz="4400" b="1" dirty="0" smtClean="0"/>
              <a:t>and </a:t>
            </a:r>
            <a:r>
              <a:rPr lang="en-US" sz="4400" b="1" dirty="0" smtClean="0"/>
              <a:t>Responsibilities</a:t>
            </a:r>
            <a:endParaRPr lang="en-US" sz="4400" b="1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400" b="1" dirty="0" smtClean="0"/>
              <a:t>IMPLEMENTED SYSTEM</a:t>
            </a:r>
            <a:endParaRPr lang="en-US" sz="4400" b="1" dirty="0"/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59002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Clientele</a:t>
            </a:r>
            <a:endParaRPr lang="en-US" sz="1200" dirty="0"/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Database</a:t>
            </a:r>
            <a:endParaRPr lang="en-US" sz="1200" dirty="0"/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Location</a:t>
            </a:r>
            <a:endParaRPr lang="en-US" sz="12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714946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latin typeface="Calibri" panose="020F0502020204030204" pitchFamily="34" charset="0"/>
              </a:rPr>
              <a:t>Excel </a:t>
            </a:r>
            <a:r>
              <a:rPr lang="en-US" sz="1100" b="1" spc="-8" dirty="0"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915114"/>
            <a:ext cx="129506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3484633" y="449759"/>
            <a:ext cx="46858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 smtClean="0"/>
              <a:t>PROJECT TIMELINE</a:t>
            </a:r>
            <a:endParaRPr lang="en-US" sz="4400" b="1" dirty="0"/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Presentation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GYM CEO – Jason Zander</a:t>
            </a:r>
          </a:p>
          <a:p>
            <a:pPr lvl="1"/>
            <a:r>
              <a:rPr lang="en-US" sz="3200" dirty="0" smtClean="0"/>
              <a:t>Location: CEO’s Office</a:t>
            </a:r>
          </a:p>
          <a:p>
            <a:pPr lvl="1"/>
            <a:r>
              <a:rPr lang="en-US" sz="3200" dirty="0" smtClean="0"/>
              <a:t>Time: Scheduled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statement would you like this newly implemented system to make?</a:t>
            </a:r>
          </a:p>
          <a:p>
            <a:pPr lvl="2"/>
            <a:r>
              <a:rPr lang="en-US" dirty="0" smtClean="0"/>
              <a:t>What are your top priorities when it comes to the average member?</a:t>
            </a:r>
          </a:p>
          <a:p>
            <a:pPr lvl="2"/>
            <a:r>
              <a:rPr lang="en-US" dirty="0" smtClean="0"/>
              <a:t>What information would you like the new system to compile?</a:t>
            </a:r>
          </a:p>
          <a:p>
            <a:pPr lvl="2"/>
            <a:r>
              <a:rPr lang="en-US" dirty="0" smtClean="0"/>
              <a:t>What would the ideal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0131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900" b="1" dirty="0"/>
              <a:t>EAGLE CONSULTING</a:t>
            </a:r>
            <a:r>
              <a:rPr lang="en-US" sz="4799" b="1" dirty="0"/>
              <a:t/>
            </a:r>
            <a:br>
              <a:rPr lang="en-US" sz="4799" b="1" dirty="0"/>
            </a:br>
            <a:r>
              <a:rPr lang="en-US" sz="3599" b="1" dirty="0" smtClean="0"/>
              <a:t>About Us</a:t>
            </a:r>
            <a:endParaRPr lang="en-US" sz="35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199" dirty="0"/>
              <a:t>IT Consultancy and contracting agency for over 20 years</a:t>
            </a:r>
          </a:p>
          <a:p>
            <a:r>
              <a:rPr lang="en-US" sz="3199" dirty="0"/>
              <a:t>Founded in 1995</a:t>
            </a:r>
          </a:p>
          <a:p>
            <a:r>
              <a:rPr lang="en-US" sz="3199" dirty="0"/>
              <a:t>Goal of assisting businesses in staying up to date with the technological world around them</a:t>
            </a:r>
          </a:p>
          <a:p>
            <a:r>
              <a:rPr lang="en-US" sz="3199" dirty="0"/>
              <a:t>Acts as “Middle Man” for bringing close and personalized technology services to businesses in nee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3200" dirty="0" smtClean="0"/>
              <a:t>GYM MANAGERS – most profitable/least profitable locations</a:t>
            </a:r>
          </a:p>
          <a:p>
            <a:pPr lvl="1"/>
            <a:r>
              <a:rPr lang="en-US" sz="3200" dirty="0" smtClean="0"/>
              <a:t>Location: Local Gym Offices</a:t>
            </a:r>
          </a:p>
          <a:p>
            <a:pPr lvl="1"/>
            <a:r>
              <a:rPr lang="en-US" sz="3200" dirty="0" smtClean="0"/>
              <a:t>Time: Scheduled Day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ay to day problems do you experience?</a:t>
            </a:r>
          </a:p>
          <a:p>
            <a:pPr lvl="2"/>
            <a:r>
              <a:rPr lang="en-US" dirty="0" smtClean="0"/>
              <a:t>What are the most common complaints that you experience?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would the ideal, day to day situation of your business look like after the system has been implemented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849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 smtClean="0"/>
              <a:t>GYM MEMBERS – anonymous survey</a:t>
            </a:r>
          </a:p>
          <a:p>
            <a:pPr lvl="1"/>
            <a:r>
              <a:rPr lang="en-US" sz="3200" dirty="0" smtClean="0"/>
              <a:t>Location: N/A</a:t>
            </a:r>
          </a:p>
          <a:p>
            <a:pPr lvl="1"/>
            <a:r>
              <a:rPr lang="en-US" sz="3200" dirty="0" smtClean="0"/>
              <a:t>Time: N/A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o you feel that your gym handles well?</a:t>
            </a:r>
          </a:p>
          <a:p>
            <a:pPr lvl="2"/>
            <a:r>
              <a:rPr lang="en-US" dirty="0" smtClean="0"/>
              <a:t>What are the areas that the gym is lacking in?</a:t>
            </a:r>
          </a:p>
          <a:p>
            <a:pPr lvl="2"/>
            <a:r>
              <a:rPr lang="en-US" dirty="0" smtClean="0"/>
              <a:t>Would you prefer to register, renew, or cancel your membership online?</a:t>
            </a:r>
          </a:p>
          <a:p>
            <a:pPr lvl="2"/>
            <a:r>
              <a:rPr lang="en-US" dirty="0" smtClean="0"/>
              <a:t>What improvements would you like to see with the website?</a:t>
            </a:r>
          </a:p>
          <a:p>
            <a:pPr lvl="2"/>
            <a:r>
              <a:rPr lang="en-US" dirty="0" smtClean="0"/>
              <a:t>What information would you like available to you?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8979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mber Login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6174" y="1701800"/>
            <a:ext cx="5626077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335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eate Account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1578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mber Landing Page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3130" y="1701800"/>
            <a:ext cx="4432164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42831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nge Password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48892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mployee Login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24237" y="1701800"/>
            <a:ext cx="5949950" cy="4462463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87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69" y="19264"/>
            <a:ext cx="12178056" cy="6838736"/>
          </a:xfrm>
        </p:spPr>
        <p:txBody>
          <a:bodyPr anchor="ctr"/>
          <a:lstStyle/>
          <a:p>
            <a:pPr algn="ctr"/>
            <a:r>
              <a:rPr lang="en-US" dirty="0" smtClean="0"/>
              <a:t>Thank You!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3978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To stay </a:t>
            </a:r>
            <a:r>
              <a:rPr lang="en-US" sz="3200" dirty="0"/>
              <a:t>up to date on current IT developments so that we may provide the most effective solution for your specific business needs</a:t>
            </a:r>
          </a:p>
          <a:p>
            <a:r>
              <a:rPr lang="en-US" sz="3200" dirty="0"/>
              <a:t>Aim to provide a fast, efficient, and most importantly effective IT answers</a:t>
            </a:r>
          </a:p>
          <a:p>
            <a:r>
              <a:rPr lang="en-US" sz="3200" dirty="0"/>
              <a:t>Save you time and money</a:t>
            </a:r>
          </a:p>
          <a:p>
            <a:r>
              <a:rPr lang="en-US" sz="3200" dirty="0"/>
              <a:t>Have a positive effect on the clientele you </a:t>
            </a:r>
            <a:r>
              <a:rPr lang="en-US" sz="2799" dirty="0"/>
              <a:t>closely interact wit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Vi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199" dirty="0"/>
              <a:t>Facilitate an ever increasing amount of </a:t>
            </a:r>
            <a:r>
              <a:rPr lang="en-US" sz="3199" dirty="0" smtClean="0"/>
              <a:t>information </a:t>
            </a:r>
            <a:r>
              <a:rPr lang="en-US" sz="3199" dirty="0"/>
              <a:t>t</a:t>
            </a:r>
            <a:r>
              <a:rPr lang="en-US" sz="3199" dirty="0" smtClean="0"/>
              <a:t>echnology solutions</a:t>
            </a:r>
            <a:endParaRPr lang="en-US" sz="3199" dirty="0"/>
          </a:p>
          <a:p>
            <a:r>
              <a:rPr lang="en-US" sz="3199" dirty="0"/>
              <a:t>Our desire is to constantly learn and develop new techniques</a:t>
            </a:r>
          </a:p>
          <a:p>
            <a:r>
              <a:rPr lang="en-US" sz="3199" dirty="0"/>
              <a:t>Aim is to be the best at understanding what makes your company special to provide the best i</a:t>
            </a:r>
            <a:r>
              <a:rPr lang="en-US" sz="3199" dirty="0" smtClean="0"/>
              <a:t>nformation </a:t>
            </a:r>
            <a:r>
              <a:rPr lang="en-US" sz="3199" dirty="0"/>
              <a:t>t</a:t>
            </a:r>
            <a:r>
              <a:rPr lang="en-US" sz="3199" dirty="0" smtClean="0"/>
              <a:t>echnology </a:t>
            </a:r>
            <a:r>
              <a:rPr lang="en-US" sz="3199" dirty="0"/>
              <a:t>solution for </a:t>
            </a:r>
            <a:r>
              <a:rPr lang="en-US" sz="3199" dirty="0" smtClean="0"/>
              <a:t>you</a:t>
            </a:r>
            <a:endParaRPr lang="en-US" sz="3199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About Them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Mission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G</a:t>
            </a:r>
            <a:r>
              <a:rPr lang="en-US" sz="3200" dirty="0" smtClean="0"/>
              <a:t>oal </a:t>
            </a:r>
            <a:r>
              <a:rPr lang="en-US" sz="3200" dirty="0"/>
              <a:t>is to provide an environment that promotes accessibility to fitness equipment and knowledge to anyone that needs it</a:t>
            </a:r>
          </a:p>
          <a:p>
            <a:r>
              <a:rPr lang="en-US" sz="3200" dirty="0" smtClean="0"/>
              <a:t>Aims </a:t>
            </a:r>
            <a:r>
              <a:rPr lang="en-US" sz="3200" dirty="0"/>
              <a:t>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999356" y="305614"/>
            <a:ext cx="9507284" cy="533261"/>
          </a:xfrm>
        </p:spPr>
        <p:txBody>
          <a:bodyPr>
            <a:noAutofit/>
          </a:bodyPr>
          <a:lstStyle/>
          <a:p>
            <a:pPr algn="ctr"/>
            <a:r>
              <a:rPr lang="en-US" sz="4400" b="1" dirty="0" smtClean="0"/>
              <a:t>EVER HEALTH ORGANIZATIONAL CHART</a:t>
            </a:r>
            <a:endParaRPr lang="en-US" sz="4400" b="1" dirty="0"/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12860977"/>
              </p:ext>
            </p:extLst>
          </p:nvPr>
        </p:nvGraphicFramePr>
        <p:xfrm>
          <a:off x="1141412" y="838875"/>
          <a:ext cx="10665222" cy="56373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0770" y="468131"/>
            <a:ext cx="9507284" cy="675464"/>
          </a:xfrm>
        </p:spPr>
        <p:txBody>
          <a:bodyPr/>
          <a:lstStyle/>
          <a:p>
            <a:r>
              <a:rPr lang="en-US" b="1" dirty="0" smtClean="0"/>
              <a:t>EVER HEALTH - 15 LOCATIONS</a:t>
            </a:r>
            <a:endParaRPr lang="en-US" b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43037645"/>
              </p:ext>
            </p:extLst>
          </p:nvPr>
        </p:nvGraphicFramePr>
        <p:xfrm>
          <a:off x="1341088" y="1372136"/>
          <a:ext cx="9506649" cy="4656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PROBLEM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Ever Health </a:t>
            </a:r>
            <a:r>
              <a:rPr lang="en-US" sz="3200" dirty="0" smtClean="0"/>
              <a:t>website </a:t>
            </a:r>
            <a:r>
              <a:rPr lang="en-US" sz="3200" dirty="0"/>
              <a:t>is outdated and lacks any type of client functionality</a:t>
            </a:r>
          </a:p>
          <a:p>
            <a:r>
              <a:rPr lang="en-US" sz="3200" dirty="0"/>
              <a:t> All information is stored locally</a:t>
            </a:r>
          </a:p>
          <a:p>
            <a:r>
              <a:rPr lang="en-US" sz="3200" dirty="0"/>
              <a:t>Customers must travel to the gym location to renew or cancel their membership</a:t>
            </a:r>
          </a:p>
          <a:p>
            <a:r>
              <a:rPr lang="en-US" sz="3200" dirty="0"/>
              <a:t>Major hassles that affect customer retention rate  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ch 16x9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>
    <a:spDef>
      <a:spPr/>
      <a:bodyPr rtlCol="0" anchor="ctr"/>
      <a:lstStyle>
        <a:defPPr algn="ctr">
          <a:defRPr sz="280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2800"/>
        </a:defPPr>
      </a:lstStyle>
    </a:txDef>
  </a:objectDefaults>
  <a:extraClrSchemeLst/>
  <a:extLst>
    <a:ext uri="{05A4C25C-085E-4340-85A3-A5531E510DB2}">
      <thm15:themeFamily xmlns:thm15="http://schemas.microsoft.com/office/thememl/2012/main" name="TF02787990.potx" id="{BDB9CD5E-36EC-45F3-B87D-6D062B8A3823}" vid="{51682E2F-7C85-4D6F-AD40-072EFC83910D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4873beb7-5857-4685-be1f-d57550cc96c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riple circuit lines presentation (widescreen)</Template>
  <TotalTime>84</TotalTime>
  <Words>1068</Words>
  <Application>Microsoft Office PowerPoint</Application>
  <PresentationFormat>Custom</PresentationFormat>
  <Paragraphs>214</Paragraphs>
  <Slides>2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0" baseType="lpstr">
      <vt:lpstr>Arial</vt:lpstr>
      <vt:lpstr>Calibri</vt:lpstr>
      <vt:lpstr>Tech 16x9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 and Responsibilities</vt:lpstr>
      <vt:lpstr>IMPLEMENTED SYSTEM</vt:lpstr>
      <vt:lpstr>PowerPoint Presentation</vt:lpstr>
      <vt:lpstr>PowerPoint Presentation</vt:lpstr>
      <vt:lpstr>EVER HEALTH INTERVIEW SCHEDULE</vt:lpstr>
      <vt:lpstr>EVER HEALTH INTERVIEW SCHEDULE</vt:lpstr>
      <vt:lpstr>EVER HEALTH INTERVIEW SCHEDULE</vt:lpstr>
      <vt:lpstr>Member Login</vt:lpstr>
      <vt:lpstr>Create Account</vt:lpstr>
      <vt:lpstr>Member Landing Page</vt:lpstr>
      <vt:lpstr>Change Password</vt:lpstr>
      <vt:lpstr>Employee Login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Alan</cp:lastModifiedBy>
  <cp:revision>20</cp:revision>
  <dcterms:created xsi:type="dcterms:W3CDTF">2016-09-14T04:59:39Z</dcterms:created>
  <dcterms:modified xsi:type="dcterms:W3CDTF">2016-09-14T17:36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